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07_施行施策\02_条例の運用\012_Check a toilet／オープンデータ化\"/>
    </mc:Choice>
  </mc:AlternateContent>
  <xr:revisionPtr revIDLastSave="0" documentId="13_ncr:1_{B71AFE9B-F97C-4E3F-A682-38B47C5879CD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Sheet1" sheetId="1" r:id="rId1"/>
  </sheets>
  <definedNames>
    <definedName name="_xlnm._FilterDatabase" localSheetId="0" hidden="1">Sheet1!$A$1:$I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3" i="1" l="1"/>
  <c r="A4" i="1" s="1"/>
  <c r="A5" i="1" s="1"/>
  <c r="A6" i="1" s="1"/>
  <c r="A7" i="1" s="1"/>
  <c r="A8" i="1" s="1"/>
  <c r="A9" i="1" s="1"/>
  <c r="A10" i="1" s="1"/>
  <c r="A11" i="1" s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l="1"/>
  <c r="A43" i="1" s="1"/>
  <c r="A44" i="1" s="1"/>
  <c r="A45" i="1" s="1"/>
  <c r="A46" i="1" s="1"/>
  <c r="A47" i="1" s="1"/>
  <c r="A48" i="1" s="1"/>
  <c r="A49" i="1" s="1"/>
  <c r="A50" i="1" s="1"/>
  <c r="A51" i="1" s="1"/>
  <c r="A52" i="1" s="1"/>
  <c r="A53" i="1" s="1"/>
  <c r="A54" i="1" l="1"/>
  <c r="A55" i="1" s="1"/>
  <c r="A56" i="1" s="1"/>
  <c r="A57" i="1" s="1"/>
  <c r="A58" i="1" s="1"/>
  <c r="A59" i="1" s="1"/>
  <c r="A60" i="1" s="1"/>
  <c r="A61" i="1" s="1"/>
  <c r="A62" i="1" s="1"/>
  <c r="A63" i="1" s="1"/>
  <c r="A64" i="1" s="1"/>
  <c r="A65" i="1" s="1"/>
  <c r="A66" i="1" s="1"/>
  <c r="A67" i="1" s="1"/>
  <c r="A68" i="1" s="1"/>
</calcChain>
</file>

<file path=xl/sharedStrings.xml><?xml version="1.0" encoding="utf-8"?>
<sst xmlns="http://schemas.openxmlformats.org/spreadsheetml/2006/main" count="287" uniqueCount="194">
  <si>
    <t>note</t>
    <phoneticPr fontId="1"/>
  </si>
  <si>
    <t>status</t>
    <phoneticPr fontId="1"/>
  </si>
  <si>
    <t>ostomate</t>
    <phoneticPr fontId="1"/>
  </si>
  <si>
    <t>Toilettype_multi</t>
    <phoneticPr fontId="1"/>
  </si>
  <si>
    <t>address</t>
    <phoneticPr fontId="1"/>
  </si>
  <si>
    <t>name_ja</t>
    <phoneticPr fontId="1"/>
  </si>
  <si>
    <t>date</t>
    <phoneticPr fontId="1"/>
  </si>
  <si>
    <t>facil_id</t>
    <phoneticPr fontId="1"/>
  </si>
  <si>
    <t>facil_type</t>
    <phoneticPr fontId="1"/>
  </si>
  <si>
    <t>茶屋本陣　畔屋</t>
    <rPh sb="0" eb="2">
      <t>チャヤ</t>
    </rPh>
    <rPh sb="2" eb="4">
      <t>ホンジン</t>
    </rPh>
    <rPh sb="5" eb="6">
      <t>ホトリ</t>
    </rPh>
    <rPh sb="6" eb="7">
      <t>ヤ</t>
    </rPh>
    <phoneticPr fontId="1"/>
  </si>
  <si>
    <t>神奈川県足柄下郡箱根町箱根161-1</t>
    <rPh sb="0" eb="4">
      <t>カナガワケン</t>
    </rPh>
    <rPh sb="4" eb="8">
      <t>アシガラシモグン</t>
    </rPh>
    <rPh sb="8" eb="11">
      <t>ハコネマチ</t>
    </rPh>
    <rPh sb="11" eb="13">
      <t>ハコネ</t>
    </rPh>
    <phoneticPr fontId="1"/>
  </si>
  <si>
    <t>神奈川県厚木市戸田2446-15</t>
    <rPh sb="0" eb="4">
      <t>カナガワケン</t>
    </rPh>
    <rPh sb="4" eb="7">
      <t>アツギシ</t>
    </rPh>
    <rPh sb="7" eb="9">
      <t>トダ</t>
    </rPh>
    <phoneticPr fontId="1"/>
  </si>
  <si>
    <t>アルベリアールホーム</t>
    <phoneticPr fontId="1"/>
  </si>
  <si>
    <t>神奈川県平塚市平塚3-8-1</t>
    <rPh sb="0" eb="4">
      <t>カナガワケン</t>
    </rPh>
    <rPh sb="4" eb="7">
      <t>ヒラツカシ</t>
    </rPh>
    <rPh sb="7" eb="9">
      <t>ヒラツカ</t>
    </rPh>
    <phoneticPr fontId="1"/>
  </si>
  <si>
    <t>神奈川県大和市西鶴間3-13-23</t>
    <rPh sb="0" eb="4">
      <t>カナガワケン</t>
    </rPh>
    <rPh sb="4" eb="7">
      <t>ヤマトシ</t>
    </rPh>
    <rPh sb="7" eb="8">
      <t>ニシ</t>
    </rPh>
    <rPh sb="8" eb="10">
      <t>ツルマ</t>
    </rPh>
    <phoneticPr fontId="1"/>
  </si>
  <si>
    <t>平塚市立崇善公民館</t>
    <rPh sb="0" eb="2">
      <t>ヒラツカ</t>
    </rPh>
    <rPh sb="2" eb="4">
      <t>シリツ</t>
    </rPh>
    <rPh sb="4" eb="5">
      <t>タカシ</t>
    </rPh>
    <rPh sb="5" eb="6">
      <t>ゼン</t>
    </rPh>
    <rPh sb="6" eb="9">
      <t>コウミンカン</t>
    </rPh>
    <phoneticPr fontId="1"/>
  </si>
  <si>
    <t>神奈川県平塚市見附町1-8</t>
    <rPh sb="0" eb="4">
      <t>カナガワケン</t>
    </rPh>
    <rPh sb="4" eb="7">
      <t>ヒラツカシ</t>
    </rPh>
    <rPh sb="7" eb="9">
      <t>ミツケ</t>
    </rPh>
    <rPh sb="9" eb="10">
      <t>チョウ</t>
    </rPh>
    <phoneticPr fontId="1"/>
  </si>
  <si>
    <t>中央公園　管理棟</t>
    <rPh sb="0" eb="2">
      <t>チュウオウ</t>
    </rPh>
    <rPh sb="2" eb="4">
      <t>コウエン</t>
    </rPh>
    <rPh sb="5" eb="7">
      <t>カンリ</t>
    </rPh>
    <rPh sb="7" eb="8">
      <t>トウ</t>
    </rPh>
    <phoneticPr fontId="1"/>
  </si>
  <si>
    <t>神奈川県茅ヶ崎市茅ヶ崎2-3-1</t>
    <rPh sb="0" eb="4">
      <t>カナガワケン</t>
    </rPh>
    <rPh sb="4" eb="8">
      <t>チガサキシ</t>
    </rPh>
    <rPh sb="8" eb="11">
      <t>チガサキ</t>
    </rPh>
    <phoneticPr fontId="1"/>
  </si>
  <si>
    <t>道の駅　足柄・金太郎のふるさと</t>
    <rPh sb="0" eb="1">
      <t>ミチ</t>
    </rPh>
    <rPh sb="2" eb="3">
      <t>エキ</t>
    </rPh>
    <rPh sb="4" eb="6">
      <t>アシガラ</t>
    </rPh>
    <rPh sb="7" eb="10">
      <t>キンタロウ</t>
    </rPh>
    <phoneticPr fontId="1"/>
  </si>
  <si>
    <t>神奈川県南足柄市竹松1117-1</t>
    <rPh sb="0" eb="4">
      <t>カナガワケン</t>
    </rPh>
    <rPh sb="4" eb="8">
      <t>ミナミアシガラシ</t>
    </rPh>
    <rPh sb="8" eb="10">
      <t>タケマツ</t>
    </rPh>
    <phoneticPr fontId="1"/>
  </si>
  <si>
    <t>神奈川県藤沢市天神町2-6-3</t>
    <rPh sb="0" eb="4">
      <t>カナガワケン</t>
    </rPh>
    <rPh sb="4" eb="7">
      <t>フジサワシ</t>
    </rPh>
    <rPh sb="7" eb="10">
      <t>テンジンチョウ</t>
    </rPh>
    <phoneticPr fontId="1"/>
  </si>
  <si>
    <t>MEGAドン・キホーテ秦野店</t>
    <rPh sb="11" eb="14">
      <t>ハダノテン</t>
    </rPh>
    <phoneticPr fontId="1"/>
  </si>
  <si>
    <t>神奈川県秦野市平沢530-2</t>
    <rPh sb="0" eb="4">
      <t>カナガワケン</t>
    </rPh>
    <rPh sb="4" eb="7">
      <t>ハダノシ</t>
    </rPh>
    <rPh sb="7" eb="9">
      <t>ヒラサワ</t>
    </rPh>
    <phoneticPr fontId="1"/>
  </si>
  <si>
    <t>神奈川県座間市東原1-10-62</t>
    <rPh sb="0" eb="4">
      <t>カナガワケン</t>
    </rPh>
    <rPh sb="4" eb="7">
      <t>ザマシ</t>
    </rPh>
    <rPh sb="7" eb="9">
      <t>ヒガシハラ</t>
    </rPh>
    <phoneticPr fontId="1"/>
  </si>
  <si>
    <t>「適合証交付日、または、公表日」に記載の日にち時点での情報です。</t>
    <phoneticPr fontId="1"/>
  </si>
  <si>
    <t>社会福祉法人慈湧会　緑の家</t>
    <rPh sb="0" eb="2">
      <t>シャカイ</t>
    </rPh>
    <rPh sb="2" eb="4">
      <t>フクシ</t>
    </rPh>
    <rPh sb="4" eb="6">
      <t>ホウジン</t>
    </rPh>
    <rPh sb="6" eb="7">
      <t>ジ</t>
    </rPh>
    <rPh sb="7" eb="8">
      <t>ユウ</t>
    </rPh>
    <rPh sb="8" eb="9">
      <t>カイ</t>
    </rPh>
    <rPh sb="10" eb="11">
      <t>ミドリ</t>
    </rPh>
    <rPh sb="12" eb="13">
      <t>イエ</t>
    </rPh>
    <phoneticPr fontId="1"/>
  </si>
  <si>
    <t>座間市消防本部消防署</t>
    <rPh sb="0" eb="3">
      <t>ザマシ</t>
    </rPh>
    <rPh sb="3" eb="5">
      <t>ショウボウ</t>
    </rPh>
    <rPh sb="5" eb="7">
      <t>ホンブ</t>
    </rPh>
    <rPh sb="7" eb="10">
      <t>ショウボウショ</t>
    </rPh>
    <phoneticPr fontId="1"/>
  </si>
  <si>
    <t>津久井合同庁舎</t>
    <rPh sb="0" eb="3">
      <t>ツクイ</t>
    </rPh>
    <rPh sb="3" eb="5">
      <t>ゴウドウ</t>
    </rPh>
    <rPh sb="5" eb="7">
      <t>チョウシャ</t>
    </rPh>
    <phoneticPr fontId="1"/>
  </si>
  <si>
    <t>金時公園公衆トイレ</t>
    <rPh sb="0" eb="1">
      <t>カネ</t>
    </rPh>
    <rPh sb="2" eb="4">
      <t>コウエン</t>
    </rPh>
    <rPh sb="4" eb="6">
      <t>コウシュウ</t>
    </rPh>
    <phoneticPr fontId="1"/>
  </si>
  <si>
    <t>箱根町消防署　湯本分署</t>
    <rPh sb="0" eb="2">
      <t>ハコネ</t>
    </rPh>
    <rPh sb="2" eb="3">
      <t>マチ</t>
    </rPh>
    <rPh sb="3" eb="6">
      <t>ショウボウショ</t>
    </rPh>
    <rPh sb="7" eb="9">
      <t>ユモト</t>
    </rPh>
    <rPh sb="9" eb="11">
      <t>ブンショ</t>
    </rPh>
    <phoneticPr fontId="1"/>
  </si>
  <si>
    <t>大和市立北大和小学校</t>
    <rPh sb="0" eb="3">
      <t>ヤマトシ</t>
    </rPh>
    <rPh sb="3" eb="4">
      <t>タ</t>
    </rPh>
    <rPh sb="4" eb="5">
      <t>キタ</t>
    </rPh>
    <rPh sb="5" eb="7">
      <t>ヤマト</t>
    </rPh>
    <rPh sb="7" eb="10">
      <t>ショウガッコウ</t>
    </rPh>
    <phoneticPr fontId="1"/>
  </si>
  <si>
    <t>浦賀警察署</t>
    <rPh sb="0" eb="2">
      <t>ウラガ</t>
    </rPh>
    <rPh sb="2" eb="5">
      <t>ケイサツショ</t>
    </rPh>
    <phoneticPr fontId="1"/>
  </si>
  <si>
    <t>住宅型有料老人ホーム　陽だまりの家</t>
    <rPh sb="0" eb="2">
      <t>ジュウタク</t>
    </rPh>
    <rPh sb="2" eb="3">
      <t>ガタ</t>
    </rPh>
    <rPh sb="3" eb="5">
      <t>ユウリョウ</t>
    </rPh>
    <rPh sb="5" eb="7">
      <t>ロウジン</t>
    </rPh>
    <rPh sb="11" eb="12">
      <t>ヒ</t>
    </rPh>
    <rPh sb="16" eb="17">
      <t>イエ</t>
    </rPh>
    <phoneticPr fontId="1"/>
  </si>
  <si>
    <t>中栄信用金庫　秦野駅前支店</t>
    <rPh sb="0" eb="1">
      <t>ナカ</t>
    </rPh>
    <rPh sb="1" eb="2">
      <t>サカエ</t>
    </rPh>
    <rPh sb="2" eb="4">
      <t>シンヨウ</t>
    </rPh>
    <rPh sb="4" eb="6">
      <t>キンコ</t>
    </rPh>
    <rPh sb="7" eb="9">
      <t>ハダノ</t>
    </rPh>
    <rPh sb="9" eb="11">
      <t>エキマエ</t>
    </rPh>
    <rPh sb="11" eb="13">
      <t>シテン</t>
    </rPh>
    <phoneticPr fontId="1"/>
  </si>
  <si>
    <t>高座クリーンセンター</t>
    <rPh sb="0" eb="1">
      <t>タカ</t>
    </rPh>
    <phoneticPr fontId="1"/>
  </si>
  <si>
    <t>藤沢市役所</t>
    <rPh sb="0" eb="2">
      <t>フジサワ</t>
    </rPh>
    <rPh sb="2" eb="5">
      <t>シヤクショ</t>
    </rPh>
    <phoneticPr fontId="1"/>
  </si>
  <si>
    <t>海老名市消防署西分署</t>
    <rPh sb="0" eb="4">
      <t>エビナシ</t>
    </rPh>
    <rPh sb="4" eb="7">
      <t>ショウボウショ</t>
    </rPh>
    <rPh sb="7" eb="8">
      <t>ニシ</t>
    </rPh>
    <rPh sb="8" eb="10">
      <t>ブンショ</t>
    </rPh>
    <phoneticPr fontId="1"/>
  </si>
  <si>
    <t>平塚市民病院</t>
    <rPh sb="0" eb="2">
      <t>ヒラツカ</t>
    </rPh>
    <rPh sb="2" eb="4">
      <t>シミン</t>
    </rPh>
    <rPh sb="4" eb="6">
      <t>ビョウイン</t>
    </rPh>
    <phoneticPr fontId="1"/>
  </si>
  <si>
    <t>神奈川県秦野市尾尻943-1</t>
    <phoneticPr fontId="1"/>
  </si>
  <si>
    <t>はだのクリーンセンター</t>
    <phoneticPr fontId="1"/>
  </si>
  <si>
    <t>神奈川県海老名市めぐみ町2-1</t>
    <phoneticPr fontId="1"/>
  </si>
  <si>
    <t>三笠ターミナル</t>
    <rPh sb="0" eb="2">
      <t>ミカサ</t>
    </rPh>
    <phoneticPr fontId="1"/>
  </si>
  <si>
    <t>厚木市立病院</t>
    <rPh sb="0" eb="2">
      <t>アツギ</t>
    </rPh>
    <rPh sb="2" eb="3">
      <t>シ</t>
    </rPh>
    <rPh sb="3" eb="4">
      <t>リツ</t>
    </rPh>
    <rPh sb="4" eb="6">
      <t>ビョウイン</t>
    </rPh>
    <phoneticPr fontId="1"/>
  </si>
  <si>
    <t>茅ヶ崎公園体験学習センター</t>
    <rPh sb="0" eb="3">
      <t>チガサキ</t>
    </rPh>
    <rPh sb="3" eb="5">
      <t>コウエン</t>
    </rPh>
    <rPh sb="5" eb="7">
      <t>タイケン</t>
    </rPh>
    <rPh sb="7" eb="9">
      <t>ガクシュウ</t>
    </rPh>
    <phoneticPr fontId="1"/>
  </si>
  <si>
    <t>神奈川県立相原高等学校</t>
    <rPh sb="0" eb="5">
      <t>カナガワケンリツ</t>
    </rPh>
    <rPh sb="5" eb="7">
      <t>アイハラ</t>
    </rPh>
    <rPh sb="7" eb="9">
      <t>コウトウ</t>
    </rPh>
    <rPh sb="9" eb="11">
      <t>ガッコウ</t>
    </rPh>
    <phoneticPr fontId="1"/>
  </si>
  <si>
    <t>大磯町美化センター・リサイクルセンター</t>
    <rPh sb="0" eb="2">
      <t>オオイソ</t>
    </rPh>
    <rPh sb="2" eb="3">
      <t>チョウ</t>
    </rPh>
    <rPh sb="3" eb="5">
      <t>ビカ</t>
    </rPh>
    <phoneticPr fontId="1"/>
  </si>
  <si>
    <t>金田東老人憩の家・金田児童館</t>
    <rPh sb="0" eb="1">
      <t>カネ</t>
    </rPh>
    <rPh sb="1" eb="2">
      <t>タ</t>
    </rPh>
    <rPh sb="2" eb="3">
      <t>ヒガシ</t>
    </rPh>
    <rPh sb="3" eb="5">
      <t>ロウジン</t>
    </rPh>
    <rPh sb="5" eb="6">
      <t>イコ</t>
    </rPh>
    <rPh sb="7" eb="8">
      <t>イエ</t>
    </rPh>
    <rPh sb="9" eb="11">
      <t>カネダ</t>
    </rPh>
    <rPh sb="11" eb="14">
      <t>ジドウカン</t>
    </rPh>
    <phoneticPr fontId="1"/>
  </si>
  <si>
    <t>あつぎ郷土博物館</t>
    <rPh sb="3" eb="5">
      <t>キョウド</t>
    </rPh>
    <rPh sb="5" eb="8">
      <t>ハクブツカン</t>
    </rPh>
    <phoneticPr fontId="1"/>
  </si>
  <si>
    <t>早雲山駅</t>
    <rPh sb="0" eb="3">
      <t>ソウウンザン</t>
    </rPh>
    <rPh sb="3" eb="4">
      <t>エキ</t>
    </rPh>
    <phoneticPr fontId="1"/>
  </si>
  <si>
    <t>海老名市立国分寺台文化センター</t>
    <rPh sb="0" eb="3">
      <t>エビナ</t>
    </rPh>
    <rPh sb="3" eb="4">
      <t>シ</t>
    </rPh>
    <rPh sb="4" eb="5">
      <t>リツ</t>
    </rPh>
    <rPh sb="5" eb="8">
      <t>コクブンジ</t>
    </rPh>
    <rPh sb="8" eb="9">
      <t>ダイ</t>
    </rPh>
    <rPh sb="9" eb="11">
      <t>ブンカ</t>
    </rPh>
    <phoneticPr fontId="1"/>
  </si>
  <si>
    <t>ほうあん地域支援センターまある</t>
    <rPh sb="4" eb="6">
      <t>チイキ</t>
    </rPh>
    <rPh sb="6" eb="8">
      <t>シエン</t>
    </rPh>
    <phoneticPr fontId="1"/>
  </si>
  <si>
    <t>神奈川県小田原市本町2-4-12</t>
    <phoneticPr fontId="1"/>
  </si>
  <si>
    <t>神奈川県厚木市下川入1366-4</t>
    <phoneticPr fontId="1"/>
  </si>
  <si>
    <t>神奈川県中郡大磯町虫窪53</t>
    <phoneticPr fontId="1"/>
  </si>
  <si>
    <t>神奈川県相模原市緑区中野937-2</t>
    <rPh sb="0" eb="4">
      <t>カナガワケン</t>
    </rPh>
    <phoneticPr fontId="1"/>
  </si>
  <si>
    <t>神奈川県大和市下鶴間685</t>
    <rPh sb="0" eb="4">
      <t>カナガワケン</t>
    </rPh>
    <phoneticPr fontId="1"/>
  </si>
  <si>
    <t>神奈川県南足柄市岩原145-2</t>
    <rPh sb="0" eb="4">
      <t>カナガワケン</t>
    </rPh>
    <phoneticPr fontId="1"/>
  </si>
  <si>
    <t>神奈川県秦野市曽屋4624</t>
    <rPh sb="0" eb="4">
      <t>カナガワケン</t>
    </rPh>
    <phoneticPr fontId="1"/>
  </si>
  <si>
    <t>神奈川県横須賀市小川町27-16</t>
    <rPh sb="0" eb="4">
      <t>カナガワケン</t>
    </rPh>
    <phoneticPr fontId="1"/>
  </si>
  <si>
    <t>神奈川県足柄下郡箱根町強羅字強羅1300-328</t>
    <rPh sb="0" eb="4">
      <t>カナガワケン</t>
    </rPh>
    <phoneticPr fontId="1"/>
  </si>
  <si>
    <t>神奈川県藤沢市朝日町1-1</t>
    <rPh sb="0" eb="4">
      <t>カナガワケン</t>
    </rPh>
    <phoneticPr fontId="1"/>
  </si>
  <si>
    <t>神奈川県座間市相武台1-48-1</t>
    <phoneticPr fontId="1"/>
  </si>
  <si>
    <t>神奈川県足柄下郡箱根町仙石原1181-58</t>
    <rPh sb="0" eb="4">
      <t>カナガワケン</t>
    </rPh>
    <phoneticPr fontId="1"/>
  </si>
  <si>
    <t>神奈川県箱根町湯本263-3</t>
    <rPh sb="0" eb="4">
      <t>カナガワケン</t>
    </rPh>
    <phoneticPr fontId="1"/>
  </si>
  <si>
    <t>神奈川県横須賀市久里浜1-18-1</t>
    <rPh sb="0" eb="4">
      <t>カナガワケン</t>
    </rPh>
    <phoneticPr fontId="1"/>
  </si>
  <si>
    <t>神奈川県海老名市本郷1-1</t>
    <rPh sb="0" eb="4">
      <t>カナガワケン</t>
    </rPh>
    <phoneticPr fontId="1"/>
  </si>
  <si>
    <t>神奈川県海老名市上今泉2027-1</t>
    <rPh sb="0" eb="4">
      <t>カナガワケン</t>
    </rPh>
    <phoneticPr fontId="1"/>
  </si>
  <si>
    <t>神奈川県平塚市南原1-19-1</t>
    <rPh sb="0" eb="4">
      <t>カナガワケン</t>
    </rPh>
    <phoneticPr fontId="1"/>
  </si>
  <si>
    <t>神奈川県厚木市水引1-16-36</t>
    <phoneticPr fontId="1"/>
  </si>
  <si>
    <t>神奈川県茅ヶ崎市中海岸3-3-9</t>
    <rPh sb="0" eb="4">
      <t>カナガワケン</t>
    </rPh>
    <phoneticPr fontId="1"/>
  </si>
  <si>
    <t>神奈川県相模原市緑区橋本台4-2-1</t>
    <rPh sb="0" eb="4">
      <t>カナガワケン</t>
    </rPh>
    <phoneticPr fontId="1"/>
  </si>
  <si>
    <t>神奈川県厚木市田村町1-26</t>
    <rPh sb="0" eb="4">
      <t>カナガワケン</t>
    </rPh>
    <phoneticPr fontId="1"/>
  </si>
  <si>
    <t>神奈川県厚木市金田775-10</t>
    <rPh sb="0" eb="4">
      <t>カナガワケン</t>
    </rPh>
    <phoneticPr fontId="1"/>
  </si>
  <si>
    <t>神奈川県海老名市国分寺台2-10-23</t>
    <rPh sb="0" eb="4">
      <t>カナガワケン</t>
    </rPh>
    <phoneticPr fontId="1"/>
  </si>
  <si>
    <t>ビナガーデンズ　テラス</t>
    <phoneticPr fontId="1"/>
  </si>
  <si>
    <t>4、5</t>
    <phoneticPr fontId="1"/>
  </si>
  <si>
    <t>5、6</t>
    <phoneticPr fontId="1"/>
  </si>
  <si>
    <t>リハビリケア湘南厚木</t>
    <rPh sb="6" eb="8">
      <t>ショウナン</t>
    </rPh>
    <rPh sb="8" eb="10">
      <t>アツギ</t>
    </rPh>
    <phoneticPr fontId="1"/>
  </si>
  <si>
    <t>家族葬のセレモニーハウス大和</t>
    <rPh sb="0" eb="2">
      <t>カゾク</t>
    </rPh>
    <rPh sb="12" eb="14">
      <t>ヤマト</t>
    </rPh>
    <phoneticPr fontId="1"/>
  </si>
  <si>
    <t>うぃず天神</t>
    <rPh sb="3" eb="5">
      <t>テンジン</t>
    </rPh>
    <phoneticPr fontId="1"/>
  </si>
  <si>
    <t>ヨークフーズ厚木店</t>
    <rPh sb="6" eb="8">
      <t>アツギ</t>
    </rPh>
    <rPh sb="8" eb="9">
      <t>テン</t>
    </rPh>
    <phoneticPr fontId="1"/>
  </si>
  <si>
    <t>「適合証交付日、または、公表日」に記載の日にち時点での情報です。</t>
    <phoneticPr fontId="1"/>
  </si>
  <si>
    <t>神奈川県相模原市緑区橋本1-12-26</t>
    <rPh sb="0" eb="4">
      <t>カナガワケン</t>
    </rPh>
    <phoneticPr fontId="1"/>
  </si>
  <si>
    <t>横須賀ごみ処理施設</t>
    <rPh sb="0" eb="3">
      <t>ヨコスカ</t>
    </rPh>
    <rPh sb="5" eb="7">
      <t>ショリ</t>
    </rPh>
    <rPh sb="7" eb="9">
      <t>シセツ</t>
    </rPh>
    <phoneticPr fontId="1"/>
  </si>
  <si>
    <t>神奈川県横須賀市長坂5-1-1</t>
    <rPh sb="0" eb="4">
      <t>カナガワケン</t>
    </rPh>
    <rPh sb="4" eb="8">
      <t>ヨコスカシ</t>
    </rPh>
    <rPh sb="8" eb="10">
      <t>ナガサカ</t>
    </rPh>
    <phoneticPr fontId="1"/>
  </si>
  <si>
    <t>動物愛護センター</t>
    <rPh sb="0" eb="4">
      <t>ドウブツアイゴ</t>
    </rPh>
    <phoneticPr fontId="1"/>
  </si>
  <si>
    <t>ロマンスカーミュージアム</t>
    <phoneticPr fontId="1"/>
  </si>
  <si>
    <t>海老名市立有馬図書館及び門沢橋コミュニティセンター</t>
    <phoneticPr fontId="1"/>
  </si>
  <si>
    <t>神奈川県立スポーツセンター</t>
    <rPh sb="0" eb="5">
      <t>カナガワケンリツ</t>
    </rPh>
    <phoneticPr fontId="1"/>
  </si>
  <si>
    <t>江の島入り口トイレ</t>
    <rPh sb="0" eb="1">
      <t>エ</t>
    </rPh>
    <rPh sb="2" eb="4">
      <t>シマイ</t>
    </rPh>
    <rPh sb="5" eb="6">
      <t>グチ</t>
    </rPh>
    <phoneticPr fontId="1"/>
  </si>
  <si>
    <t>神奈川県平塚市土屋字舞ヶ窪401</t>
    <rPh sb="0" eb="4">
      <t>カナガワケン</t>
    </rPh>
    <rPh sb="4" eb="7">
      <t>ヒラツカシ</t>
    </rPh>
    <rPh sb="7" eb="9">
      <t>ツチヤ</t>
    </rPh>
    <rPh sb="9" eb="10">
      <t>アザ</t>
    </rPh>
    <rPh sb="10" eb="11">
      <t>マイ</t>
    </rPh>
    <rPh sb="12" eb="13">
      <t>クボ</t>
    </rPh>
    <phoneticPr fontId="1"/>
  </si>
  <si>
    <t>神奈川県海老名市めぐみ町1番3号</t>
    <rPh sb="0" eb="4">
      <t>カナガワケン</t>
    </rPh>
    <rPh sb="4" eb="8">
      <t>エビナシ</t>
    </rPh>
    <rPh sb="11" eb="12">
      <t>マチ</t>
    </rPh>
    <rPh sb="13" eb="14">
      <t>バン</t>
    </rPh>
    <rPh sb="15" eb="16">
      <t>ゴウ</t>
    </rPh>
    <phoneticPr fontId="1"/>
  </si>
  <si>
    <t>神奈川県海老名市門沢橋一丁目20番41号</t>
    <rPh sb="0" eb="4">
      <t>カナガワケン</t>
    </rPh>
    <rPh sb="4" eb="8">
      <t>エビナシ</t>
    </rPh>
    <rPh sb="8" eb="9">
      <t>モン</t>
    </rPh>
    <rPh sb="9" eb="10">
      <t>サワ</t>
    </rPh>
    <rPh sb="10" eb="11">
      <t>ハシ</t>
    </rPh>
    <rPh sb="11" eb="14">
      <t>１チョウメ</t>
    </rPh>
    <rPh sb="16" eb="17">
      <t>バン</t>
    </rPh>
    <rPh sb="19" eb="20">
      <t>ゴウ</t>
    </rPh>
    <phoneticPr fontId="1"/>
  </si>
  <si>
    <t>神奈川県藤沢市江の島1丁目217番</t>
    <rPh sb="0" eb="4">
      <t>カナガワケン</t>
    </rPh>
    <rPh sb="4" eb="7">
      <t>フジサワシ</t>
    </rPh>
    <rPh sb="7" eb="8">
      <t>エ</t>
    </rPh>
    <rPh sb="9" eb="10">
      <t>シマ</t>
    </rPh>
    <rPh sb="11" eb="13">
      <t>チョウメ</t>
    </rPh>
    <rPh sb="16" eb="17">
      <t>バン</t>
    </rPh>
    <phoneticPr fontId="1"/>
  </si>
  <si>
    <t>N-stage Fujisawa</t>
    <phoneticPr fontId="1"/>
  </si>
  <si>
    <t>神奈川県藤沢市川名1丁目1-28</t>
    <rPh sb="0" eb="4">
      <t>カナガワケン</t>
    </rPh>
    <phoneticPr fontId="1"/>
  </si>
  <si>
    <t>橋本こどもセンター</t>
    <rPh sb="0" eb="2">
      <t>ハシモト</t>
    </rPh>
    <phoneticPr fontId="1"/>
  </si>
  <si>
    <t>平塚市消防署本署</t>
    <rPh sb="0" eb="3">
      <t>ヒラツカシ</t>
    </rPh>
    <rPh sb="3" eb="6">
      <t>ショウボウショ</t>
    </rPh>
    <rPh sb="6" eb="8">
      <t>ホンショ</t>
    </rPh>
    <phoneticPr fontId="1"/>
  </si>
  <si>
    <t>開成町役場</t>
    <phoneticPr fontId="1"/>
  </si>
  <si>
    <t>神奈川県平塚市浅間町９番１号</t>
    <rPh sb="0" eb="4">
      <t>カナガワケン</t>
    </rPh>
    <phoneticPr fontId="1"/>
  </si>
  <si>
    <t>神奈川県足柄上郡開成町延沢773</t>
    <rPh sb="0" eb="4">
      <t>カナガワケン</t>
    </rPh>
    <phoneticPr fontId="1"/>
  </si>
  <si>
    <t>津久井やまゆり園千木良園舎（仮称）居住棟１</t>
    <phoneticPr fontId="1"/>
  </si>
  <si>
    <t>津久井やまゆり園千木良園舎（仮称）居住棟２</t>
    <phoneticPr fontId="1"/>
  </si>
  <si>
    <t>県営横山あじさいハイツ９号棟</t>
    <phoneticPr fontId="1"/>
  </si>
  <si>
    <t>県営横山あじさいハイツ10号棟</t>
    <phoneticPr fontId="1"/>
  </si>
  <si>
    <t>辻堂市民センター　南消防署辻堂出張所</t>
    <rPh sb="0" eb="4">
      <t>ツジドウシミン</t>
    </rPh>
    <rPh sb="9" eb="10">
      <t>ミナミ</t>
    </rPh>
    <rPh sb="10" eb="13">
      <t>ショウボウショ</t>
    </rPh>
    <rPh sb="13" eb="17">
      <t>ツジドウシュッチョウ</t>
    </rPh>
    <rPh sb="17" eb="18">
      <t>ジョ</t>
    </rPh>
    <phoneticPr fontId="1"/>
  </si>
  <si>
    <t>（仮称）平塚文化芸術ホール</t>
    <rPh sb="1" eb="3">
      <t>カショウ</t>
    </rPh>
    <rPh sb="4" eb="6">
      <t>ヒラツカ</t>
    </rPh>
    <rPh sb="6" eb="10">
      <t>ブンカゲイジュツ</t>
    </rPh>
    <phoneticPr fontId="1"/>
  </si>
  <si>
    <t>みずほ小学校</t>
    <rPh sb="3" eb="6">
      <t>ショウガッコウ</t>
    </rPh>
    <phoneticPr fontId="1"/>
  </si>
  <si>
    <t>相模小学校</t>
    <rPh sb="0" eb="5">
      <t>サガミショウガッコウ</t>
    </rPh>
    <phoneticPr fontId="1"/>
  </si>
  <si>
    <t>平塚市立吉沢公民館</t>
    <rPh sb="0" eb="3">
      <t>ヒラツカシ</t>
    </rPh>
    <rPh sb="3" eb="4">
      <t>リツ</t>
    </rPh>
    <rPh sb="4" eb="9">
      <t>ヨシザワコウミンカン</t>
    </rPh>
    <phoneticPr fontId="1"/>
  </si>
  <si>
    <t>厚木児童相談所</t>
    <rPh sb="0" eb="7">
      <t>アツギジドウソウダンジョ</t>
    </rPh>
    <phoneticPr fontId="1"/>
  </si>
  <si>
    <t>平塚市見附町16-2、16-3</t>
    <phoneticPr fontId="1"/>
  </si>
  <si>
    <t>平塚市上吉沢395番　他９筆</t>
    <phoneticPr fontId="1"/>
  </si>
  <si>
    <t>厚木市水引二丁目92番</t>
    <phoneticPr fontId="1"/>
  </si>
  <si>
    <t>厚木市立厚木北児童館</t>
    <rPh sb="0" eb="3">
      <t>アツギシ</t>
    </rPh>
    <rPh sb="3" eb="4">
      <t>リツ</t>
    </rPh>
    <rPh sb="4" eb="10">
      <t>アツギキタジドウカン</t>
    </rPh>
    <phoneticPr fontId="1"/>
  </si>
  <si>
    <t>善行市民センター・公民館</t>
    <rPh sb="0" eb="4">
      <t>ゼンギョウシミン</t>
    </rPh>
    <rPh sb="9" eb="12">
      <t>コウミンカン</t>
    </rPh>
    <phoneticPr fontId="1"/>
  </si>
  <si>
    <t>追浜ハイム６号棟</t>
    <rPh sb="0" eb="2">
      <t>オッパマ</t>
    </rPh>
    <rPh sb="6" eb="8">
      <t>ゴウトウ</t>
    </rPh>
    <phoneticPr fontId="1"/>
  </si>
  <si>
    <t>横須賀市追浜本町２丁目59番６、横浜市金沢区六浦東１丁目156番８</t>
    <phoneticPr fontId="1"/>
  </si>
  <si>
    <t>厚木市寿町３丁目347番２</t>
    <phoneticPr fontId="1"/>
  </si>
  <si>
    <t>（仮称）ブランチ茅ヶ崎３（G街区）</t>
    <phoneticPr fontId="1"/>
  </si>
  <si>
    <t>ペットフォレスト茅ヶ崎店</t>
    <phoneticPr fontId="1"/>
  </si>
  <si>
    <t>茅ヶ崎市浜見平377番14地先</t>
    <phoneticPr fontId="1"/>
  </si>
  <si>
    <t>茅ヶ崎市浜見平377番14</t>
    <phoneticPr fontId="1"/>
  </si>
  <si>
    <t>三井不動産ロジスティクスパーク海老名Ⅰ</t>
    <rPh sb="0" eb="2">
      <t>ミツイ</t>
    </rPh>
    <rPh sb="2" eb="5">
      <t>フドウサン</t>
    </rPh>
    <rPh sb="15" eb="18">
      <t>エビナ</t>
    </rPh>
    <phoneticPr fontId="1"/>
  </si>
  <si>
    <t>環境事業センター・石川小学校区児童クラブ</t>
    <phoneticPr fontId="1"/>
  </si>
  <si>
    <t>藤沢市遠藤字田方2023番17</t>
    <phoneticPr fontId="1"/>
  </si>
  <si>
    <t>クリオ茅ヶ崎中海岸グランシック</t>
    <phoneticPr fontId="1"/>
  </si>
  <si>
    <t>茅ヶ崎市中海岸2丁目11171番2</t>
    <phoneticPr fontId="1"/>
  </si>
  <si>
    <t>株式会社メディカルヘルスクラブ新茅ヶ崎中央病院</t>
    <phoneticPr fontId="1"/>
  </si>
  <si>
    <t>（仮称）茅ヶ崎市歴史文化交流館</t>
    <phoneticPr fontId="1"/>
  </si>
  <si>
    <t>市立引地台中学校</t>
    <phoneticPr fontId="1"/>
  </si>
  <si>
    <t>オセアンビクトリア海老名</t>
    <phoneticPr fontId="1"/>
  </si>
  <si>
    <t>茅ヶ崎市茅ヶ崎2丁目2番3号</t>
    <phoneticPr fontId="1"/>
  </si>
  <si>
    <t>茅ヶ崎市堤3786番1他74筆</t>
    <phoneticPr fontId="1"/>
  </si>
  <si>
    <t>大和市柳橋4丁目5050番1外8筆</t>
    <phoneticPr fontId="1"/>
  </si>
  <si>
    <t>海老名市本郷3071-1</t>
    <phoneticPr fontId="1"/>
  </si>
  <si>
    <t>THE OUTLETS SHONAN HIRATSUKA</t>
    <phoneticPr fontId="1"/>
  </si>
  <si>
    <t>平塚市大神字一之堰605</t>
    <rPh sb="0" eb="3">
      <t>ヒラツカシ</t>
    </rPh>
    <rPh sb="3" eb="5">
      <t>オオガミ</t>
    </rPh>
    <rPh sb="5" eb="6">
      <t>アザ</t>
    </rPh>
    <rPh sb="6" eb="7">
      <t>イチ</t>
    </rPh>
    <rPh sb="7" eb="8">
      <t>ノ</t>
    </rPh>
    <rPh sb="8" eb="9">
      <t>セキ</t>
    </rPh>
    <phoneticPr fontId="1"/>
  </si>
  <si>
    <t>かながわ信用金庫片瀬支店</t>
    <rPh sb="4" eb="6">
      <t>シンヨウ</t>
    </rPh>
    <rPh sb="6" eb="8">
      <t>キンコ</t>
    </rPh>
    <rPh sb="8" eb="10">
      <t>カタセ</t>
    </rPh>
    <rPh sb="10" eb="12">
      <t>シテン</t>
    </rPh>
    <phoneticPr fontId="1"/>
  </si>
  <si>
    <t>藤沢市片瀬3-17-29</t>
    <rPh sb="0" eb="3">
      <t>フジサワシ</t>
    </rPh>
    <rPh sb="3" eb="5">
      <t>カタセ</t>
    </rPh>
    <phoneticPr fontId="1"/>
  </si>
  <si>
    <t>（仮称）D-room海老名中央計画</t>
    <rPh sb="1" eb="3">
      <t>カショウ</t>
    </rPh>
    <rPh sb="10" eb="13">
      <t>エビナ</t>
    </rPh>
    <rPh sb="13" eb="15">
      <t>チュウオウ</t>
    </rPh>
    <rPh sb="15" eb="17">
      <t>ケイカク</t>
    </rPh>
    <phoneticPr fontId="1"/>
  </si>
  <si>
    <t>Weins Town Ebina（仮称）U-base棟</t>
    <rPh sb="17" eb="19">
      <t>カショウ</t>
    </rPh>
    <rPh sb="26" eb="27">
      <t>トウ</t>
    </rPh>
    <phoneticPr fontId="1"/>
  </si>
  <si>
    <t>Weins Town Ebina（仮称）新車販売棟</t>
    <rPh sb="17" eb="19">
      <t>カショウ</t>
    </rPh>
    <rPh sb="20" eb="22">
      <t>シンシャ</t>
    </rPh>
    <rPh sb="22" eb="24">
      <t>ハンバイ</t>
    </rPh>
    <rPh sb="24" eb="25">
      <t>トウ</t>
    </rPh>
    <phoneticPr fontId="1"/>
  </si>
  <si>
    <t>海老名市中新田字二番河原3289-5外</t>
    <rPh sb="0" eb="4">
      <t>エビナシ</t>
    </rPh>
    <rPh sb="4" eb="5">
      <t>ナカ</t>
    </rPh>
    <rPh sb="5" eb="7">
      <t>ニッタ</t>
    </rPh>
    <rPh sb="7" eb="8">
      <t>アザ</t>
    </rPh>
    <rPh sb="8" eb="10">
      <t>ニバン</t>
    </rPh>
    <rPh sb="10" eb="12">
      <t>カワハラ</t>
    </rPh>
    <rPh sb="18" eb="19">
      <t>ホカ</t>
    </rPh>
    <phoneticPr fontId="1"/>
  </si>
  <si>
    <t>海老名市中央1丁目238番外3筆</t>
    <rPh sb="0" eb="4">
      <t>エビナシ</t>
    </rPh>
    <rPh sb="4" eb="6">
      <t>チュウオウ</t>
    </rPh>
    <rPh sb="7" eb="9">
      <t>チョウメ</t>
    </rPh>
    <rPh sb="12" eb="13">
      <t>バン</t>
    </rPh>
    <rPh sb="13" eb="14">
      <t>ソト</t>
    </rPh>
    <rPh sb="15" eb="16">
      <t>フデ</t>
    </rPh>
    <phoneticPr fontId="1"/>
  </si>
  <si>
    <t>海老名市中新田字三番河原3290番12外191筆</t>
    <rPh sb="19" eb="20">
      <t>ソト</t>
    </rPh>
    <phoneticPr fontId="1"/>
  </si>
  <si>
    <t>平塚市大神字中内出2416-1の一部外69筆　ツインシティ大神地区土地区画整理事業地内（33街区）</t>
    <rPh sb="18" eb="19">
      <t>ソト</t>
    </rPh>
    <phoneticPr fontId="1"/>
  </si>
  <si>
    <t>平塚市北金目二丁目545番外13筆</t>
    <phoneticPr fontId="1"/>
  </si>
  <si>
    <t>藤沢市辻堂西海岸二丁目7000番33外</t>
    <rPh sb="18" eb="19">
      <t>ソト</t>
    </rPh>
    <phoneticPr fontId="1"/>
  </si>
  <si>
    <t>神奈川県藤沢市善行7丁目3347番1外</t>
    <rPh sb="0" eb="4">
      <t>カナガワケン</t>
    </rPh>
    <rPh sb="4" eb="7">
      <t>フジサワシ</t>
    </rPh>
    <rPh sb="7" eb="9">
      <t>ゼンギョウ</t>
    </rPh>
    <rPh sb="10" eb="12">
      <t>チョウメ</t>
    </rPh>
    <rPh sb="16" eb="17">
      <t>バン</t>
    </rPh>
    <rPh sb="18" eb="19">
      <t>ソト</t>
    </rPh>
    <phoneticPr fontId="1"/>
  </si>
  <si>
    <t>相模原市中央区横山４丁目4944番3外</t>
    <rPh sb="18" eb="19">
      <t>ソト</t>
    </rPh>
    <phoneticPr fontId="1"/>
  </si>
  <si>
    <t>相模原市緑区千木良461-4外16筆</t>
    <rPh sb="14" eb="15">
      <t>ソト</t>
    </rPh>
    <phoneticPr fontId="1"/>
  </si>
  <si>
    <t>藤沢市善行１丁目２番１外</t>
    <rPh sb="11" eb="12">
      <t>ソト</t>
    </rPh>
    <phoneticPr fontId="1"/>
  </si>
  <si>
    <t>あやめの郷　座間</t>
    <rPh sb="4" eb="5">
      <t>サト</t>
    </rPh>
    <rPh sb="6" eb="8">
      <t>ザマ</t>
    </rPh>
    <phoneticPr fontId="1"/>
  </si>
  <si>
    <t>座間市緑ケ丘2丁目28番9号</t>
    <rPh sb="0" eb="3">
      <t>ザマシ</t>
    </rPh>
    <rPh sb="3" eb="6">
      <t>ミドリガオカ</t>
    </rPh>
    <rPh sb="7" eb="9">
      <t>チョウメ</t>
    </rPh>
    <rPh sb="11" eb="12">
      <t>バン</t>
    </rPh>
    <rPh sb="13" eb="14">
      <t>ゴウ</t>
    </rPh>
    <phoneticPr fontId="1"/>
  </si>
  <si>
    <t>厚木市ふれあいプラザ</t>
    <rPh sb="0" eb="3">
      <t>アツギシ</t>
    </rPh>
    <phoneticPr fontId="1"/>
  </si>
  <si>
    <t>厚木市金田字走落1156番外16筆</t>
    <rPh sb="0" eb="3">
      <t>アツギシ</t>
    </rPh>
    <rPh sb="3" eb="5">
      <t>カネダ</t>
    </rPh>
    <rPh sb="5" eb="6">
      <t>アザ</t>
    </rPh>
    <rPh sb="6" eb="7">
      <t>ハシ</t>
    </rPh>
    <rPh sb="7" eb="8">
      <t>オ</t>
    </rPh>
    <rPh sb="12" eb="13">
      <t>バン</t>
    </rPh>
    <rPh sb="13" eb="14">
      <t>ホカ</t>
    </rPh>
    <rPh sb="16" eb="17">
      <t>フデ</t>
    </rPh>
    <phoneticPr fontId="1"/>
  </si>
  <si>
    <t>セカンドストリート大和鶴間店</t>
    <rPh sb="9" eb="11">
      <t>ヤマト</t>
    </rPh>
    <rPh sb="11" eb="13">
      <t>ツルマ</t>
    </rPh>
    <rPh sb="13" eb="14">
      <t>ミセ</t>
    </rPh>
    <phoneticPr fontId="2"/>
  </si>
  <si>
    <t>ＪＡあつぎ　営農経済センター</t>
    <rPh sb="6" eb="8">
      <t>エイノウ</t>
    </rPh>
    <rPh sb="8" eb="10">
      <t>ケイザイ</t>
    </rPh>
    <phoneticPr fontId="2"/>
  </si>
  <si>
    <t>神奈川ダイハツ販売株式会社大井松田店</t>
    <rPh sb="0" eb="3">
      <t>カナガワ</t>
    </rPh>
    <rPh sb="7" eb="9">
      <t>ハンバイ</t>
    </rPh>
    <rPh sb="9" eb="13">
      <t>カブシキガイシャ</t>
    </rPh>
    <rPh sb="13" eb="15">
      <t>オオイ</t>
    </rPh>
    <rPh sb="15" eb="17">
      <t>マツダ</t>
    </rPh>
    <rPh sb="17" eb="18">
      <t>テン</t>
    </rPh>
    <phoneticPr fontId="2"/>
  </si>
  <si>
    <t>・学校法人湘南ふれあい学園湘南医療大学
・医療法人社団康心会湘南健康管理センター（湘南健康管理クリニック）</t>
    <rPh sb="1" eb="5">
      <t>ガッコウホウジン</t>
    </rPh>
    <rPh sb="5" eb="7">
      <t>ショウナン</t>
    </rPh>
    <rPh sb="11" eb="13">
      <t>ガクエン</t>
    </rPh>
    <rPh sb="13" eb="15">
      <t>ショウナン</t>
    </rPh>
    <rPh sb="15" eb="19">
      <t>イリョウダイガク</t>
    </rPh>
    <rPh sb="21" eb="27">
      <t>イリョウホウジンシャダン</t>
    </rPh>
    <rPh sb="27" eb="28">
      <t>ヤスシ</t>
    </rPh>
    <rPh sb="28" eb="29">
      <t>ココロ</t>
    </rPh>
    <rPh sb="29" eb="30">
      <t>カイ</t>
    </rPh>
    <rPh sb="30" eb="32">
      <t>ショウナン</t>
    </rPh>
    <rPh sb="32" eb="34">
      <t>ケンコウ</t>
    </rPh>
    <rPh sb="34" eb="36">
      <t>カンリ</t>
    </rPh>
    <rPh sb="41" eb="43">
      <t>ショウナン</t>
    </rPh>
    <rPh sb="43" eb="45">
      <t>ケンコウ</t>
    </rPh>
    <rPh sb="45" eb="47">
      <t>カンリ</t>
    </rPh>
    <phoneticPr fontId="2"/>
  </si>
  <si>
    <t>平塚市立四之宮公民館</t>
    <rPh sb="0" eb="2">
      <t>ヒラツカ</t>
    </rPh>
    <rPh sb="2" eb="4">
      <t>シリツ</t>
    </rPh>
    <rPh sb="4" eb="7">
      <t>ヨンノミヤ</t>
    </rPh>
    <rPh sb="7" eb="10">
      <t>コウミンカン</t>
    </rPh>
    <phoneticPr fontId="2"/>
  </si>
  <si>
    <t>座間市立総合福祉センター</t>
    <rPh sb="0" eb="4">
      <t>ザマシリツ</t>
    </rPh>
    <rPh sb="4" eb="8">
      <t>ソウゴウフクシ</t>
    </rPh>
    <phoneticPr fontId="2"/>
  </si>
  <si>
    <t>鵠南小学校</t>
    <rPh sb="1" eb="2">
      <t>ミナミ</t>
    </rPh>
    <rPh sb="2" eb="5">
      <t>ショウガッコウ</t>
    </rPh>
    <phoneticPr fontId="2"/>
  </si>
  <si>
    <t>藤沢市立鵠沼保育園</t>
    <rPh sb="0" eb="4">
      <t>フジサワシリツ</t>
    </rPh>
    <rPh sb="5" eb="6">
      <t>ヌマ</t>
    </rPh>
    <rPh sb="6" eb="9">
      <t>ホイクエン</t>
    </rPh>
    <phoneticPr fontId="2"/>
  </si>
  <si>
    <t>伊勢原市役所分庁舎</t>
    <rPh sb="0" eb="6">
      <t>イセハラシヤクショ</t>
    </rPh>
    <rPh sb="6" eb="9">
      <t>ブンチョウシャ</t>
    </rPh>
    <phoneticPr fontId="2"/>
  </si>
  <si>
    <t>北の台コミュニティプラザ</t>
    <rPh sb="0" eb="1">
      <t>キタ</t>
    </rPh>
    <rPh sb="2" eb="3">
      <t>ダイ</t>
    </rPh>
    <phoneticPr fontId="2"/>
  </si>
  <si>
    <t>かながわ信用金庫　逗子支店</t>
    <rPh sb="4" eb="8">
      <t>シンヨウキンコ</t>
    </rPh>
    <rPh sb="9" eb="13">
      <t>ズシシテン</t>
    </rPh>
    <phoneticPr fontId="2"/>
  </si>
  <si>
    <t>厚木市立厚木北公民館</t>
  </si>
  <si>
    <t>コミュニティセンター下鶴間会館</t>
  </si>
  <si>
    <t>沼間愛児園</t>
  </si>
  <si>
    <t>大和市鶴間２丁目12-22</t>
    <rPh sb="0" eb="3">
      <t>ヤマトシ</t>
    </rPh>
    <rPh sb="3" eb="5">
      <t>ツルマ</t>
    </rPh>
    <rPh sb="6" eb="8">
      <t>チョウメ</t>
    </rPh>
    <phoneticPr fontId="2"/>
  </si>
  <si>
    <t>厚木市三田字蟹渕1827番１</t>
    <rPh sb="0" eb="3">
      <t>アツギシ</t>
    </rPh>
    <rPh sb="3" eb="5">
      <t>ミタ</t>
    </rPh>
    <rPh sb="5" eb="6">
      <t>アザ</t>
    </rPh>
    <rPh sb="6" eb="7">
      <t>カニ</t>
    </rPh>
    <rPh sb="7" eb="8">
      <t>ブチ</t>
    </rPh>
    <rPh sb="12" eb="13">
      <t>バン</t>
    </rPh>
    <phoneticPr fontId="2"/>
  </si>
  <si>
    <t>足柄上郡大井町金子字高堰下1558-１　</t>
    <rPh sb="0" eb="4">
      <t>アシガラカミグン</t>
    </rPh>
    <rPh sb="4" eb="7">
      <t>オオイマチ</t>
    </rPh>
    <rPh sb="7" eb="9">
      <t>カネコ</t>
    </rPh>
    <rPh sb="9" eb="10">
      <t>アザ</t>
    </rPh>
    <phoneticPr fontId="2"/>
  </si>
  <si>
    <t>茅ヶ崎市茅ヶ崎2丁目2077番18</t>
    <rPh sb="0" eb="4">
      <t>チガサキシ</t>
    </rPh>
    <rPh sb="4" eb="7">
      <t>チガサキ</t>
    </rPh>
    <rPh sb="8" eb="10">
      <t>チョウメ</t>
    </rPh>
    <rPh sb="14" eb="15">
      <t>バン</t>
    </rPh>
    <phoneticPr fontId="2"/>
  </si>
  <si>
    <t>平塚市東真土2丁目1番48号</t>
    <rPh sb="0" eb="3">
      <t>ヒラツカシ</t>
    </rPh>
    <rPh sb="3" eb="4">
      <t>ヒガシ</t>
    </rPh>
    <rPh sb="4" eb="6">
      <t>マツチ</t>
    </rPh>
    <rPh sb="7" eb="9">
      <t>チョウメ</t>
    </rPh>
    <rPh sb="10" eb="11">
      <t>バン</t>
    </rPh>
    <rPh sb="13" eb="14">
      <t>ゴウ</t>
    </rPh>
    <phoneticPr fontId="2"/>
  </si>
  <si>
    <t>座間市緑ケ丘1丁目2番1号</t>
    <rPh sb="0" eb="3">
      <t>ザマシ</t>
    </rPh>
    <rPh sb="3" eb="6">
      <t>ミドリガオカ</t>
    </rPh>
    <rPh sb="7" eb="9">
      <t>チョウメ</t>
    </rPh>
    <rPh sb="10" eb="11">
      <t>バン</t>
    </rPh>
    <rPh sb="12" eb="13">
      <t>ゴウ</t>
    </rPh>
    <phoneticPr fontId="2"/>
  </si>
  <si>
    <t>厚木市元町9番4号</t>
  </si>
  <si>
    <t>藤沢市鵠沼海岸4丁目7番2</t>
    <rPh sb="0" eb="3">
      <t>フジサワシ</t>
    </rPh>
    <rPh sb="5" eb="7">
      <t>カイガン</t>
    </rPh>
    <rPh sb="8" eb="10">
      <t>チョウメ</t>
    </rPh>
    <rPh sb="11" eb="12">
      <t>バン</t>
    </rPh>
    <phoneticPr fontId="2"/>
  </si>
  <si>
    <t>藤沢市本鵠沼3丁目5920番1、5932番1</t>
    <rPh sb="0" eb="3">
      <t>フジサワシ</t>
    </rPh>
    <rPh sb="3" eb="4">
      <t>ホン</t>
    </rPh>
    <rPh sb="7" eb="9">
      <t>チョウメ</t>
    </rPh>
    <rPh sb="13" eb="14">
      <t>バン</t>
    </rPh>
    <rPh sb="20" eb="21">
      <t>バン</t>
    </rPh>
    <phoneticPr fontId="2"/>
  </si>
  <si>
    <t>伊勢原市田中348番地</t>
    <rPh sb="0" eb="4">
      <t>イセハラシ</t>
    </rPh>
    <rPh sb="4" eb="6">
      <t>タナカ</t>
    </rPh>
    <rPh sb="9" eb="11">
      <t>バンチ</t>
    </rPh>
    <phoneticPr fontId="2"/>
  </si>
  <si>
    <t>綾瀬市蓼川2丁目1番12号</t>
  </si>
  <si>
    <t>厚木市金田字新1610番1</t>
  </si>
  <si>
    <t>海老名市河原口1丁目3-13</t>
  </si>
  <si>
    <t>逗子市逗子5-3-34</t>
    <rPh sb="0" eb="3">
      <t>ズシシ</t>
    </rPh>
    <rPh sb="3" eb="5">
      <t>ズシ</t>
    </rPh>
    <phoneticPr fontId="2"/>
  </si>
  <si>
    <t>大和市下鶴間2880番2</t>
  </si>
  <si>
    <t>逗子市沼間1丁目21-10</t>
  </si>
  <si>
    <t>ドレッセ中央林間レジデンス</t>
    <phoneticPr fontId="1"/>
  </si>
  <si>
    <t>県営綾瀬寺尾団地住宅</t>
    <phoneticPr fontId="1"/>
  </si>
  <si>
    <t>大和市中央林間六丁目4532番3</t>
  </si>
  <si>
    <t>綾瀬市寺尾中2-1749-13</t>
    <phoneticPr fontId="1"/>
  </si>
  <si>
    <t>厚木愛甲環境施設組合ごみ中間処理施設</t>
    <phoneticPr fontId="1"/>
  </si>
  <si>
    <t>SOMPOケア　ラヴィーレ厚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2">
    <xf numFmtId="0" fontId="0" fillId="0" borderId="0" xfId="0">
      <alignment vertical="center"/>
    </xf>
    <xf numFmtId="0" fontId="0" fillId="0" borderId="1" xfId="0" applyBorder="1" applyAlignment="1">
      <alignment vertical="center" wrapText="1"/>
    </xf>
    <xf numFmtId="0" fontId="0" fillId="0" borderId="1" xfId="0" applyFill="1" applyBorder="1">
      <alignment vertical="center"/>
    </xf>
    <xf numFmtId="0" fontId="0" fillId="0" borderId="1" xfId="0" applyFill="1" applyBorder="1" applyAlignment="1">
      <alignment vertical="center" wrapText="1"/>
    </xf>
    <xf numFmtId="0" fontId="0" fillId="0" borderId="1" xfId="0" applyFill="1" applyBorder="1" applyAlignment="1">
      <alignment horizontal="right" vertical="center"/>
    </xf>
    <xf numFmtId="0" fontId="0" fillId="0" borderId="1" xfId="0" applyBorder="1">
      <alignment vertical="center"/>
    </xf>
    <xf numFmtId="14" fontId="0" fillId="0" borderId="1" xfId="0" applyNumberFormat="1" applyFill="1" applyBorder="1" applyAlignment="1">
      <alignment horizontal="left" vertical="center"/>
    </xf>
    <xf numFmtId="14" fontId="0" fillId="0" borderId="1" xfId="0" applyNumberFormat="1" applyFill="1" applyBorder="1" applyAlignment="1">
      <alignment horizontal="left" vertical="center" wrapText="1"/>
    </xf>
    <xf numFmtId="0" fontId="0" fillId="0" borderId="1" xfId="0" applyBorder="1" applyAlignment="1">
      <alignment horizontal="left" vertical="center" wrapText="1"/>
    </xf>
    <xf numFmtId="14" fontId="0" fillId="0" borderId="1" xfId="0" applyNumberFormat="1" applyBorder="1" applyAlignment="1">
      <alignment horizontal="left" vertical="center"/>
    </xf>
    <xf numFmtId="0" fontId="0" fillId="0" borderId="0" xfId="0" applyAlignment="1">
      <alignment horizontal="left" vertical="center"/>
    </xf>
    <xf numFmtId="0" fontId="0" fillId="0" borderId="0" xfId="0" applyFill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93"/>
  <sheetViews>
    <sheetView tabSelected="1" workbookViewId="0">
      <pane ySplit="1" topLeftCell="A69" activePane="bottomLeft" state="frozen"/>
      <selection pane="bottomLeft" activeCell="D83" sqref="D83"/>
    </sheetView>
  </sheetViews>
  <sheetFormatPr defaultRowHeight="14.25" x14ac:dyDescent="0.15"/>
  <cols>
    <col min="1" max="1" width="7" customWidth="1"/>
    <col min="2" max="2" width="7.125" customWidth="1"/>
    <col min="3" max="3" width="18.125" style="10" bestFit="1" customWidth="1"/>
    <col min="4" max="4" width="52.5" customWidth="1"/>
    <col min="5" max="5" width="41.5" customWidth="1"/>
    <col min="6" max="6" width="9.5" customWidth="1"/>
    <col min="7" max="7" width="9.5" bestFit="1" customWidth="1"/>
    <col min="9" max="9" width="32.875" customWidth="1"/>
  </cols>
  <sheetData>
    <row r="1" spans="1:9" ht="28.5" x14ac:dyDescent="0.15">
      <c r="A1" s="1" t="s">
        <v>7</v>
      </c>
      <c r="B1" s="1" t="s">
        <v>8</v>
      </c>
      <c r="C1" s="8" t="s">
        <v>6</v>
      </c>
      <c r="D1" s="1" t="s">
        <v>5</v>
      </c>
      <c r="E1" s="1" t="s">
        <v>4</v>
      </c>
      <c r="F1" s="1" t="s">
        <v>3</v>
      </c>
      <c r="G1" s="1" t="s">
        <v>2</v>
      </c>
      <c r="H1" s="1" t="s">
        <v>1</v>
      </c>
      <c r="I1" s="1" t="s">
        <v>0</v>
      </c>
    </row>
    <row r="2" spans="1:9" ht="28.5" x14ac:dyDescent="0.15">
      <c r="A2" s="5">
        <v>1</v>
      </c>
      <c r="B2" s="2">
        <v>1</v>
      </c>
      <c r="C2" s="6">
        <v>41204</v>
      </c>
      <c r="D2" s="2" t="s">
        <v>40</v>
      </c>
      <c r="E2" s="2" t="s">
        <v>58</v>
      </c>
      <c r="F2" s="2">
        <v>1</v>
      </c>
      <c r="G2" s="2">
        <v>1</v>
      </c>
      <c r="H2" s="2">
        <v>1</v>
      </c>
      <c r="I2" s="1" t="s">
        <v>25</v>
      </c>
    </row>
    <row r="3" spans="1:9" ht="28.5" x14ac:dyDescent="0.15">
      <c r="A3" s="5">
        <f t="shared" ref="A3:A68" si="0">A2+1</f>
        <v>2</v>
      </c>
      <c r="B3" s="2">
        <v>4</v>
      </c>
      <c r="C3" s="7">
        <v>41871</v>
      </c>
      <c r="D3" s="3" t="s">
        <v>78</v>
      </c>
      <c r="E3" s="2" t="s">
        <v>11</v>
      </c>
      <c r="F3" s="2">
        <v>1</v>
      </c>
      <c r="G3" s="2">
        <v>1</v>
      </c>
      <c r="H3" s="2">
        <v>1</v>
      </c>
      <c r="I3" s="1" t="s">
        <v>25</v>
      </c>
    </row>
    <row r="4" spans="1:9" ht="28.5" x14ac:dyDescent="0.15">
      <c r="A4" s="5">
        <f t="shared" si="0"/>
        <v>3</v>
      </c>
      <c r="B4" s="2">
        <v>3</v>
      </c>
      <c r="C4" s="6">
        <v>43077</v>
      </c>
      <c r="D4" s="2" t="s">
        <v>43</v>
      </c>
      <c r="E4" s="2" t="s">
        <v>69</v>
      </c>
      <c r="F4" s="2">
        <v>1</v>
      </c>
      <c r="G4" s="2">
        <v>1</v>
      </c>
      <c r="H4" s="2">
        <v>1</v>
      </c>
      <c r="I4" s="1" t="s">
        <v>25</v>
      </c>
    </row>
    <row r="5" spans="1:9" ht="28.9" customHeight="1" x14ac:dyDescent="0.15">
      <c r="A5" s="5">
        <f t="shared" si="0"/>
        <v>4</v>
      </c>
      <c r="B5" s="2">
        <v>5</v>
      </c>
      <c r="C5" s="6">
        <v>43091</v>
      </c>
      <c r="D5" s="2" t="s">
        <v>12</v>
      </c>
      <c r="E5" s="2" t="s">
        <v>13</v>
      </c>
      <c r="F5" s="2">
        <v>1</v>
      </c>
      <c r="G5" s="2">
        <v>1</v>
      </c>
      <c r="H5" s="2">
        <v>1</v>
      </c>
      <c r="I5" s="1" t="s">
        <v>25</v>
      </c>
    </row>
    <row r="6" spans="1:9" ht="28.5" x14ac:dyDescent="0.15">
      <c r="A6" s="5">
        <f t="shared" si="0"/>
        <v>5</v>
      </c>
      <c r="B6" s="2">
        <v>5</v>
      </c>
      <c r="C6" s="7">
        <v>43091</v>
      </c>
      <c r="D6" s="2" t="s">
        <v>75</v>
      </c>
      <c r="E6" s="2" t="s">
        <v>41</v>
      </c>
      <c r="F6" s="2">
        <v>1</v>
      </c>
      <c r="G6" s="2">
        <v>1</v>
      </c>
      <c r="H6" s="2">
        <v>1</v>
      </c>
      <c r="I6" s="1" t="s">
        <v>25</v>
      </c>
    </row>
    <row r="7" spans="1:9" ht="28.5" x14ac:dyDescent="0.15">
      <c r="A7" s="5">
        <f t="shared" si="0"/>
        <v>6</v>
      </c>
      <c r="B7" s="2">
        <v>4</v>
      </c>
      <c r="C7" s="6">
        <v>43147</v>
      </c>
      <c r="D7" s="2" t="s">
        <v>26</v>
      </c>
      <c r="E7" s="2" t="s">
        <v>24</v>
      </c>
      <c r="F7" s="2">
        <v>1</v>
      </c>
      <c r="G7" s="2">
        <v>1</v>
      </c>
      <c r="H7" s="2">
        <v>1</v>
      </c>
      <c r="I7" s="1" t="s">
        <v>25</v>
      </c>
    </row>
    <row r="8" spans="1:9" ht="28.5" x14ac:dyDescent="0.15">
      <c r="A8" s="5">
        <f t="shared" si="0"/>
        <v>7</v>
      </c>
      <c r="B8" s="2">
        <v>1</v>
      </c>
      <c r="C8" s="7">
        <v>43179</v>
      </c>
      <c r="D8" s="2" t="s">
        <v>36</v>
      </c>
      <c r="E8" s="2" t="s">
        <v>61</v>
      </c>
      <c r="F8" s="2">
        <v>1</v>
      </c>
      <c r="G8" s="2">
        <v>1</v>
      </c>
      <c r="H8" s="2">
        <v>1</v>
      </c>
      <c r="I8" s="1" t="s">
        <v>25</v>
      </c>
    </row>
    <row r="9" spans="1:9" ht="28.5" x14ac:dyDescent="0.15">
      <c r="A9" s="5">
        <f t="shared" si="0"/>
        <v>8</v>
      </c>
      <c r="B9" s="2">
        <v>5</v>
      </c>
      <c r="C9" s="7">
        <v>43287</v>
      </c>
      <c r="D9" s="2" t="s">
        <v>34</v>
      </c>
      <c r="E9" s="2" t="s">
        <v>39</v>
      </c>
      <c r="F9" s="2">
        <v>1</v>
      </c>
      <c r="G9" s="2">
        <v>1</v>
      </c>
      <c r="H9" s="2">
        <v>1</v>
      </c>
      <c r="I9" s="1" t="s">
        <v>25</v>
      </c>
    </row>
    <row r="10" spans="1:9" ht="28.5" x14ac:dyDescent="0.15">
      <c r="A10" s="5">
        <f t="shared" si="0"/>
        <v>9</v>
      </c>
      <c r="B10" s="2">
        <v>1</v>
      </c>
      <c r="C10" s="6">
        <v>43287</v>
      </c>
      <c r="D10" s="2" t="s">
        <v>46</v>
      </c>
      <c r="E10" s="2" t="s">
        <v>54</v>
      </c>
      <c r="F10" s="2">
        <v>1</v>
      </c>
      <c r="G10" s="2">
        <v>1</v>
      </c>
      <c r="H10" s="2">
        <v>1</v>
      </c>
      <c r="I10" s="1" t="s">
        <v>25</v>
      </c>
    </row>
    <row r="11" spans="1:9" ht="28.5" x14ac:dyDescent="0.15">
      <c r="A11" s="5">
        <f t="shared" si="0"/>
        <v>10</v>
      </c>
      <c r="B11" s="2">
        <v>5</v>
      </c>
      <c r="C11" s="6">
        <v>43312</v>
      </c>
      <c r="D11" s="2" t="s">
        <v>9</v>
      </c>
      <c r="E11" s="2" t="s">
        <v>10</v>
      </c>
      <c r="F11" s="2">
        <v>1</v>
      </c>
      <c r="G11" s="2">
        <v>1</v>
      </c>
      <c r="H11" s="2">
        <v>1</v>
      </c>
      <c r="I11" s="1" t="s">
        <v>25</v>
      </c>
    </row>
    <row r="12" spans="1:9" ht="28.5" x14ac:dyDescent="0.15">
      <c r="A12" s="5">
        <f t="shared" si="0"/>
        <v>11</v>
      </c>
      <c r="B12" s="2">
        <v>4</v>
      </c>
      <c r="C12" s="7">
        <v>43312</v>
      </c>
      <c r="D12" s="2" t="s">
        <v>51</v>
      </c>
      <c r="E12" s="2" t="s">
        <v>52</v>
      </c>
      <c r="F12" s="2">
        <v>1</v>
      </c>
      <c r="G12" s="2">
        <v>1</v>
      </c>
      <c r="H12" s="2">
        <v>1</v>
      </c>
      <c r="I12" s="1" t="s">
        <v>25</v>
      </c>
    </row>
    <row r="13" spans="1:9" ht="28.5" x14ac:dyDescent="0.15">
      <c r="A13" s="5">
        <f t="shared" si="0"/>
        <v>12</v>
      </c>
      <c r="B13" s="2">
        <v>1</v>
      </c>
      <c r="C13" s="6">
        <v>43347</v>
      </c>
      <c r="D13" s="2" t="s">
        <v>27</v>
      </c>
      <c r="E13" s="2" t="s">
        <v>62</v>
      </c>
      <c r="F13" s="2">
        <v>1</v>
      </c>
      <c r="G13" s="2">
        <v>1</v>
      </c>
      <c r="H13" s="2">
        <v>1</v>
      </c>
      <c r="I13" s="1" t="s">
        <v>25</v>
      </c>
    </row>
    <row r="14" spans="1:9" ht="28.5" x14ac:dyDescent="0.15">
      <c r="A14" s="5">
        <f t="shared" si="0"/>
        <v>13</v>
      </c>
      <c r="B14" s="2">
        <v>1</v>
      </c>
      <c r="C14" s="7">
        <v>43419</v>
      </c>
      <c r="D14" s="2" t="s">
        <v>48</v>
      </c>
      <c r="E14" s="2" t="s">
        <v>53</v>
      </c>
      <c r="F14" s="2">
        <v>1</v>
      </c>
      <c r="G14" s="2">
        <v>1</v>
      </c>
      <c r="H14" s="2">
        <v>1</v>
      </c>
      <c r="I14" s="1" t="s">
        <v>25</v>
      </c>
    </row>
    <row r="15" spans="1:9" ht="28.5" x14ac:dyDescent="0.15">
      <c r="A15" s="5">
        <f t="shared" si="0"/>
        <v>14</v>
      </c>
      <c r="B15" s="2">
        <v>2</v>
      </c>
      <c r="C15" s="6">
        <v>43440</v>
      </c>
      <c r="D15" s="2" t="s">
        <v>44</v>
      </c>
      <c r="E15" s="2" t="s">
        <v>70</v>
      </c>
      <c r="F15" s="2">
        <v>1</v>
      </c>
      <c r="G15" s="2">
        <v>1</v>
      </c>
      <c r="H15" s="2">
        <v>1</v>
      </c>
      <c r="I15" s="1" t="s">
        <v>25</v>
      </c>
    </row>
    <row r="16" spans="1:9" ht="28.5" x14ac:dyDescent="0.15">
      <c r="A16" s="5">
        <f t="shared" si="0"/>
        <v>15</v>
      </c>
      <c r="B16" s="2">
        <v>4</v>
      </c>
      <c r="C16" s="6">
        <v>43486</v>
      </c>
      <c r="D16" s="2" t="s">
        <v>47</v>
      </c>
      <c r="E16" s="2" t="s">
        <v>73</v>
      </c>
      <c r="F16" s="2">
        <v>1</v>
      </c>
      <c r="G16" s="2">
        <v>1</v>
      </c>
      <c r="H16" s="2">
        <v>1</v>
      </c>
      <c r="I16" s="1" t="s">
        <v>25</v>
      </c>
    </row>
    <row r="17" spans="1:9" ht="28.5" x14ac:dyDescent="0.15">
      <c r="A17" s="5">
        <f t="shared" si="0"/>
        <v>16</v>
      </c>
      <c r="B17" s="2">
        <v>1</v>
      </c>
      <c r="C17" s="7">
        <v>43518</v>
      </c>
      <c r="D17" s="2" t="s">
        <v>35</v>
      </c>
      <c r="E17" s="2" t="s">
        <v>66</v>
      </c>
      <c r="F17" s="2">
        <v>1</v>
      </c>
      <c r="G17" s="2">
        <v>1</v>
      </c>
      <c r="H17" s="2">
        <v>1</v>
      </c>
      <c r="I17" s="1" t="s">
        <v>25</v>
      </c>
    </row>
    <row r="18" spans="1:9" ht="28.5" x14ac:dyDescent="0.15">
      <c r="A18" s="5">
        <f t="shared" si="0"/>
        <v>17</v>
      </c>
      <c r="B18" s="2">
        <v>3</v>
      </c>
      <c r="C18" s="7">
        <v>43530</v>
      </c>
      <c r="D18" s="2" t="s">
        <v>38</v>
      </c>
      <c r="E18" s="2" t="s">
        <v>68</v>
      </c>
      <c r="F18" s="2">
        <v>1</v>
      </c>
      <c r="G18" s="2">
        <v>1</v>
      </c>
      <c r="H18" s="2">
        <v>1</v>
      </c>
      <c r="I18" s="1" t="s">
        <v>25</v>
      </c>
    </row>
    <row r="19" spans="1:9" ht="28.5" x14ac:dyDescent="0.15">
      <c r="A19" s="5">
        <f t="shared" si="0"/>
        <v>18</v>
      </c>
      <c r="B19" s="2">
        <v>2</v>
      </c>
      <c r="C19" s="7">
        <v>43536</v>
      </c>
      <c r="D19" s="2" t="s">
        <v>50</v>
      </c>
      <c r="E19" s="2" t="s">
        <v>74</v>
      </c>
      <c r="F19" s="2">
        <v>1</v>
      </c>
      <c r="G19" s="2">
        <v>1</v>
      </c>
      <c r="H19" s="2">
        <v>1</v>
      </c>
      <c r="I19" s="1" t="s">
        <v>25</v>
      </c>
    </row>
    <row r="20" spans="1:9" ht="28.5" x14ac:dyDescent="0.15">
      <c r="A20" s="5">
        <f t="shared" si="0"/>
        <v>19</v>
      </c>
      <c r="B20" s="2">
        <v>17</v>
      </c>
      <c r="C20" s="6">
        <v>43542</v>
      </c>
      <c r="D20" s="2" t="s">
        <v>17</v>
      </c>
      <c r="E20" s="2" t="s">
        <v>18</v>
      </c>
      <c r="F20" s="2">
        <v>1</v>
      </c>
      <c r="G20" s="2">
        <v>1</v>
      </c>
      <c r="H20" s="2">
        <v>1</v>
      </c>
      <c r="I20" s="1" t="s">
        <v>25</v>
      </c>
    </row>
    <row r="21" spans="1:9" ht="28.5" x14ac:dyDescent="0.15">
      <c r="A21" s="5">
        <f t="shared" si="0"/>
        <v>20</v>
      </c>
      <c r="B21" s="2">
        <v>1</v>
      </c>
      <c r="C21" s="7">
        <v>43544</v>
      </c>
      <c r="D21" s="2" t="s">
        <v>45</v>
      </c>
      <c r="E21" s="2" t="s">
        <v>71</v>
      </c>
      <c r="F21" s="2">
        <v>1</v>
      </c>
      <c r="G21" s="2">
        <v>1</v>
      </c>
      <c r="H21" s="2">
        <v>1</v>
      </c>
      <c r="I21" s="1" t="s">
        <v>25</v>
      </c>
    </row>
    <row r="22" spans="1:9" ht="28.5" x14ac:dyDescent="0.15">
      <c r="A22" s="5">
        <f t="shared" si="0"/>
        <v>21</v>
      </c>
      <c r="B22" s="4" t="s">
        <v>76</v>
      </c>
      <c r="C22" s="6">
        <v>43551</v>
      </c>
      <c r="D22" s="2" t="s">
        <v>81</v>
      </c>
      <c r="E22" s="2" t="s">
        <v>72</v>
      </c>
      <c r="F22" s="2">
        <v>1</v>
      </c>
      <c r="G22" s="2">
        <v>1</v>
      </c>
      <c r="H22" s="2">
        <v>1</v>
      </c>
      <c r="I22" s="1" t="s">
        <v>25</v>
      </c>
    </row>
    <row r="23" spans="1:9" ht="28.5" x14ac:dyDescent="0.15">
      <c r="A23" s="5">
        <f t="shared" si="0"/>
        <v>22</v>
      </c>
      <c r="B23" s="2">
        <v>4</v>
      </c>
      <c r="C23" s="7">
        <v>43552</v>
      </c>
      <c r="D23" s="2" t="s">
        <v>33</v>
      </c>
      <c r="E23" s="2" t="s">
        <v>57</v>
      </c>
      <c r="F23" s="2">
        <v>1</v>
      </c>
      <c r="G23" s="2">
        <v>1</v>
      </c>
      <c r="H23" s="2">
        <v>1</v>
      </c>
      <c r="I23" s="1" t="s">
        <v>25</v>
      </c>
    </row>
    <row r="24" spans="1:9" ht="28.5" x14ac:dyDescent="0.15">
      <c r="A24" s="5">
        <f t="shared" si="0"/>
        <v>23</v>
      </c>
      <c r="B24" s="2">
        <v>1</v>
      </c>
      <c r="C24" s="6">
        <v>43665</v>
      </c>
      <c r="D24" s="2" t="s">
        <v>15</v>
      </c>
      <c r="E24" s="2" t="s">
        <v>16</v>
      </c>
      <c r="F24" s="2">
        <v>1</v>
      </c>
      <c r="G24" s="2">
        <v>1</v>
      </c>
      <c r="H24" s="2">
        <v>1</v>
      </c>
      <c r="I24" s="1" t="s">
        <v>25</v>
      </c>
    </row>
    <row r="25" spans="1:9" ht="28.5" x14ac:dyDescent="0.15">
      <c r="A25" s="5">
        <f t="shared" si="0"/>
        <v>24</v>
      </c>
      <c r="B25" s="2">
        <v>5</v>
      </c>
      <c r="C25" s="6">
        <v>43668</v>
      </c>
      <c r="D25" s="2" t="s">
        <v>22</v>
      </c>
      <c r="E25" s="2" t="s">
        <v>23</v>
      </c>
      <c r="F25" s="2">
        <v>1</v>
      </c>
      <c r="G25" s="2">
        <v>1</v>
      </c>
      <c r="H25" s="2">
        <v>3</v>
      </c>
      <c r="I25" s="1" t="s">
        <v>25</v>
      </c>
    </row>
    <row r="26" spans="1:9" ht="28.5" x14ac:dyDescent="0.15">
      <c r="A26" s="5">
        <f t="shared" si="0"/>
        <v>25</v>
      </c>
      <c r="B26" s="2">
        <v>1</v>
      </c>
      <c r="C26" s="7">
        <v>43711</v>
      </c>
      <c r="D26" s="2" t="s">
        <v>97</v>
      </c>
      <c r="E26" s="2" t="s">
        <v>83</v>
      </c>
      <c r="F26" s="2">
        <v>1</v>
      </c>
      <c r="G26" s="2">
        <v>1</v>
      </c>
      <c r="H26" s="2">
        <v>1</v>
      </c>
      <c r="I26" s="3" t="s">
        <v>25</v>
      </c>
    </row>
    <row r="27" spans="1:9" ht="28.5" x14ac:dyDescent="0.15">
      <c r="A27" s="5">
        <f t="shared" si="0"/>
        <v>26</v>
      </c>
      <c r="B27" s="2">
        <v>2</v>
      </c>
      <c r="C27" s="6">
        <v>43739</v>
      </c>
      <c r="D27" s="3" t="s">
        <v>79</v>
      </c>
      <c r="E27" s="2" t="s">
        <v>14</v>
      </c>
      <c r="F27" s="2">
        <v>1</v>
      </c>
      <c r="G27" s="2">
        <v>1</v>
      </c>
      <c r="H27" s="2">
        <v>3</v>
      </c>
      <c r="I27" s="1" t="s">
        <v>82</v>
      </c>
    </row>
    <row r="28" spans="1:9" ht="28.5" x14ac:dyDescent="0.15">
      <c r="A28" s="5">
        <f t="shared" si="0"/>
        <v>27</v>
      </c>
      <c r="B28" s="2">
        <v>4</v>
      </c>
      <c r="C28" s="6">
        <v>43881</v>
      </c>
      <c r="D28" s="3" t="s">
        <v>80</v>
      </c>
      <c r="E28" s="2" t="s">
        <v>21</v>
      </c>
      <c r="F28" s="2">
        <v>1</v>
      </c>
      <c r="G28" s="2">
        <v>1</v>
      </c>
      <c r="H28" s="2">
        <v>1</v>
      </c>
      <c r="I28" s="1" t="s">
        <v>25</v>
      </c>
    </row>
    <row r="29" spans="1:9" ht="28.5" x14ac:dyDescent="0.15">
      <c r="A29" s="5">
        <f t="shared" si="0"/>
        <v>28</v>
      </c>
      <c r="B29" s="2">
        <v>17</v>
      </c>
      <c r="C29" s="7">
        <v>43887</v>
      </c>
      <c r="D29" s="2" t="s">
        <v>29</v>
      </c>
      <c r="E29" s="2" t="s">
        <v>63</v>
      </c>
      <c r="F29" s="2">
        <v>1</v>
      </c>
      <c r="G29" s="2">
        <v>1</v>
      </c>
      <c r="H29" s="2">
        <v>1</v>
      </c>
      <c r="I29" s="1" t="s">
        <v>25</v>
      </c>
    </row>
    <row r="30" spans="1:9" ht="28.5" x14ac:dyDescent="0.15">
      <c r="A30" s="5">
        <f t="shared" si="0"/>
        <v>29</v>
      </c>
      <c r="B30" s="2">
        <v>1</v>
      </c>
      <c r="C30" s="7">
        <v>43920</v>
      </c>
      <c r="D30" s="2" t="s">
        <v>84</v>
      </c>
      <c r="E30" s="2" t="s">
        <v>85</v>
      </c>
      <c r="F30" s="2">
        <v>1</v>
      </c>
      <c r="G30" s="2">
        <v>1</v>
      </c>
      <c r="H30" s="2">
        <v>1</v>
      </c>
      <c r="I30" s="3" t="s">
        <v>25</v>
      </c>
    </row>
    <row r="31" spans="1:9" ht="28.5" x14ac:dyDescent="0.15">
      <c r="A31" s="5">
        <f t="shared" si="0"/>
        <v>30</v>
      </c>
      <c r="B31" s="2">
        <v>1</v>
      </c>
      <c r="C31" s="7">
        <v>43921</v>
      </c>
      <c r="D31" s="2" t="s">
        <v>28</v>
      </c>
      <c r="E31" s="2" t="s">
        <v>55</v>
      </c>
      <c r="F31" s="2">
        <v>1</v>
      </c>
      <c r="G31" s="2">
        <v>1</v>
      </c>
      <c r="H31" s="2">
        <v>1</v>
      </c>
      <c r="I31" s="1" t="s">
        <v>25</v>
      </c>
    </row>
    <row r="32" spans="1:9" ht="28.5" x14ac:dyDescent="0.15">
      <c r="A32" s="5">
        <f t="shared" si="0"/>
        <v>31</v>
      </c>
      <c r="B32" s="2">
        <v>2</v>
      </c>
      <c r="C32" s="7">
        <v>43936</v>
      </c>
      <c r="D32" s="2" t="s">
        <v>31</v>
      </c>
      <c r="E32" s="2" t="s">
        <v>56</v>
      </c>
      <c r="F32" s="2">
        <v>1</v>
      </c>
      <c r="G32" s="2">
        <v>1</v>
      </c>
      <c r="H32" s="2">
        <v>3</v>
      </c>
      <c r="I32" s="1" t="s">
        <v>25</v>
      </c>
    </row>
    <row r="33" spans="1:9" ht="28.5" x14ac:dyDescent="0.15">
      <c r="A33" s="5">
        <f t="shared" si="0"/>
        <v>32</v>
      </c>
      <c r="B33" s="2">
        <v>17</v>
      </c>
      <c r="C33" s="7">
        <v>44000</v>
      </c>
      <c r="D33" s="2" t="s">
        <v>90</v>
      </c>
      <c r="E33" s="2" t="s">
        <v>94</v>
      </c>
      <c r="F33" s="2">
        <v>1</v>
      </c>
      <c r="G33" s="2">
        <v>1</v>
      </c>
      <c r="H33" s="2">
        <v>1</v>
      </c>
      <c r="I33" s="3" t="s">
        <v>25</v>
      </c>
    </row>
    <row r="34" spans="1:9" ht="28.5" x14ac:dyDescent="0.15">
      <c r="A34" s="5">
        <f t="shared" si="0"/>
        <v>33</v>
      </c>
      <c r="B34" s="4" t="s">
        <v>77</v>
      </c>
      <c r="C34" s="6">
        <v>44042</v>
      </c>
      <c r="D34" s="2" t="s">
        <v>42</v>
      </c>
      <c r="E34" s="2" t="s">
        <v>59</v>
      </c>
      <c r="F34" s="2">
        <v>1</v>
      </c>
      <c r="G34" s="2">
        <v>1</v>
      </c>
      <c r="H34" s="2">
        <v>3</v>
      </c>
      <c r="I34" s="1" t="s">
        <v>25</v>
      </c>
    </row>
    <row r="35" spans="1:9" ht="28.5" x14ac:dyDescent="0.15">
      <c r="A35" s="5">
        <f t="shared" si="0"/>
        <v>34</v>
      </c>
      <c r="B35" s="2">
        <v>1</v>
      </c>
      <c r="C35" s="6">
        <v>44046</v>
      </c>
      <c r="D35" s="2" t="s">
        <v>19</v>
      </c>
      <c r="E35" s="2" t="s">
        <v>20</v>
      </c>
      <c r="F35" s="2">
        <v>1</v>
      </c>
      <c r="G35" s="2">
        <v>1</v>
      </c>
      <c r="H35" s="2">
        <v>1</v>
      </c>
      <c r="I35" s="1" t="s">
        <v>25</v>
      </c>
    </row>
    <row r="36" spans="1:9" ht="28.5" x14ac:dyDescent="0.15">
      <c r="A36" s="5">
        <f t="shared" si="0"/>
        <v>35</v>
      </c>
      <c r="B36" s="2">
        <v>2</v>
      </c>
      <c r="C36" s="7">
        <v>44050</v>
      </c>
      <c r="D36" s="2" t="s">
        <v>89</v>
      </c>
      <c r="E36" s="2" t="s">
        <v>150</v>
      </c>
      <c r="F36" s="2">
        <v>1</v>
      </c>
      <c r="G36" s="2">
        <v>1</v>
      </c>
      <c r="H36" s="2">
        <v>1</v>
      </c>
      <c r="I36" s="3" t="s">
        <v>25</v>
      </c>
    </row>
    <row r="37" spans="1:9" ht="28.5" x14ac:dyDescent="0.15">
      <c r="A37" s="5">
        <f t="shared" si="0"/>
        <v>36</v>
      </c>
      <c r="B37" s="2">
        <v>6</v>
      </c>
      <c r="C37" s="7">
        <v>44075</v>
      </c>
      <c r="D37" s="2" t="s">
        <v>49</v>
      </c>
      <c r="E37" s="2" t="s">
        <v>60</v>
      </c>
      <c r="F37" s="2">
        <v>1</v>
      </c>
      <c r="G37" s="2">
        <v>1</v>
      </c>
      <c r="H37" s="2">
        <v>1</v>
      </c>
      <c r="I37" s="1" t="s">
        <v>25</v>
      </c>
    </row>
    <row r="38" spans="1:9" ht="28.5" x14ac:dyDescent="0.15">
      <c r="A38" s="5">
        <f t="shared" si="0"/>
        <v>37</v>
      </c>
      <c r="B38" s="2">
        <v>1</v>
      </c>
      <c r="C38" s="7">
        <v>44103</v>
      </c>
      <c r="D38" s="2" t="s">
        <v>32</v>
      </c>
      <c r="E38" s="2" t="s">
        <v>65</v>
      </c>
      <c r="F38" s="2">
        <v>1</v>
      </c>
      <c r="G38" s="2">
        <v>1</v>
      </c>
      <c r="H38" s="2">
        <v>1</v>
      </c>
      <c r="I38" s="1" t="s">
        <v>25</v>
      </c>
    </row>
    <row r="39" spans="1:9" ht="28.5" x14ac:dyDescent="0.15">
      <c r="A39" s="5">
        <f t="shared" si="0"/>
        <v>38</v>
      </c>
      <c r="B39" s="2">
        <v>1</v>
      </c>
      <c r="C39" s="6">
        <v>44190</v>
      </c>
      <c r="D39" s="2" t="s">
        <v>37</v>
      </c>
      <c r="E39" s="2" t="s">
        <v>67</v>
      </c>
      <c r="F39" s="2">
        <v>1</v>
      </c>
      <c r="G39" s="2">
        <v>1</v>
      </c>
      <c r="H39" s="2">
        <v>1</v>
      </c>
      <c r="I39" s="1" t="s">
        <v>25</v>
      </c>
    </row>
    <row r="40" spans="1:9" ht="28.5" x14ac:dyDescent="0.15">
      <c r="A40" s="5">
        <f t="shared" si="0"/>
        <v>39</v>
      </c>
      <c r="B40" s="2">
        <v>1</v>
      </c>
      <c r="C40" s="7">
        <v>44237</v>
      </c>
      <c r="D40" s="2" t="s">
        <v>30</v>
      </c>
      <c r="E40" s="2" t="s">
        <v>64</v>
      </c>
      <c r="F40" s="2">
        <v>1</v>
      </c>
      <c r="G40" s="2">
        <v>1</v>
      </c>
      <c r="H40" s="2">
        <v>3</v>
      </c>
      <c r="I40" s="1" t="s">
        <v>25</v>
      </c>
    </row>
    <row r="41" spans="1:9" ht="28.5" x14ac:dyDescent="0.15">
      <c r="A41" s="5">
        <f t="shared" si="0"/>
        <v>40</v>
      </c>
      <c r="B41" s="2">
        <v>5</v>
      </c>
      <c r="C41" s="7">
        <v>44293</v>
      </c>
      <c r="D41" s="2" t="s">
        <v>87</v>
      </c>
      <c r="E41" s="2" t="s">
        <v>92</v>
      </c>
      <c r="F41" s="2">
        <v>1</v>
      </c>
      <c r="G41" s="2">
        <v>1</v>
      </c>
      <c r="H41" s="2">
        <v>1</v>
      </c>
      <c r="I41" s="1" t="s">
        <v>25</v>
      </c>
    </row>
    <row r="42" spans="1:9" ht="28.5" x14ac:dyDescent="0.15">
      <c r="A42" s="5">
        <f t="shared" si="0"/>
        <v>41</v>
      </c>
      <c r="B42" s="5">
        <v>8</v>
      </c>
      <c r="C42" s="9">
        <v>44354</v>
      </c>
      <c r="D42" s="5" t="s">
        <v>104</v>
      </c>
      <c r="E42" s="5" t="s">
        <v>151</v>
      </c>
      <c r="F42" s="2">
        <v>0</v>
      </c>
      <c r="G42" s="2">
        <v>0</v>
      </c>
      <c r="H42" s="2">
        <v>1</v>
      </c>
      <c r="I42" s="1" t="s">
        <v>25</v>
      </c>
    </row>
    <row r="43" spans="1:9" ht="28.5" x14ac:dyDescent="0.15">
      <c r="A43" s="5">
        <f t="shared" si="0"/>
        <v>42</v>
      </c>
      <c r="B43" s="2">
        <v>8</v>
      </c>
      <c r="C43" s="9">
        <v>44354</v>
      </c>
      <c r="D43" s="5" t="s">
        <v>105</v>
      </c>
      <c r="E43" s="5" t="s">
        <v>151</v>
      </c>
      <c r="F43" s="5">
        <v>0</v>
      </c>
      <c r="G43" s="5">
        <v>0</v>
      </c>
      <c r="H43" s="5">
        <v>1</v>
      </c>
      <c r="I43" s="1" t="s">
        <v>25</v>
      </c>
    </row>
    <row r="44" spans="1:9" ht="28.5" x14ac:dyDescent="0.15">
      <c r="A44" s="5">
        <f t="shared" si="0"/>
        <v>43</v>
      </c>
      <c r="B44" s="2">
        <v>1</v>
      </c>
      <c r="C44" s="7">
        <v>44372</v>
      </c>
      <c r="D44" s="2" t="s">
        <v>86</v>
      </c>
      <c r="E44" s="2" t="s">
        <v>91</v>
      </c>
      <c r="F44" s="2">
        <v>1</v>
      </c>
      <c r="G44" s="2">
        <v>1</v>
      </c>
      <c r="H44" s="2">
        <v>1</v>
      </c>
      <c r="I44" s="1" t="s">
        <v>25</v>
      </c>
    </row>
    <row r="45" spans="1:9" ht="28.9" customHeight="1" x14ac:dyDescent="0.15">
      <c r="A45" s="5">
        <f t="shared" si="0"/>
        <v>44</v>
      </c>
      <c r="B45" s="2">
        <v>1</v>
      </c>
      <c r="C45" s="7">
        <v>44372</v>
      </c>
      <c r="D45" s="2" t="s">
        <v>88</v>
      </c>
      <c r="E45" s="2" t="s">
        <v>93</v>
      </c>
      <c r="F45" s="2">
        <v>1</v>
      </c>
      <c r="G45" s="2">
        <v>1</v>
      </c>
      <c r="H45" s="2">
        <v>1</v>
      </c>
      <c r="I45" s="1" t="s">
        <v>25</v>
      </c>
    </row>
    <row r="46" spans="1:9" ht="28.9" customHeight="1" x14ac:dyDescent="0.15">
      <c r="A46" s="5">
        <f t="shared" si="0"/>
        <v>45</v>
      </c>
      <c r="B46" s="2">
        <v>8</v>
      </c>
      <c r="C46" s="7">
        <v>44372</v>
      </c>
      <c r="D46" s="2" t="s">
        <v>95</v>
      </c>
      <c r="E46" s="2" t="s">
        <v>96</v>
      </c>
      <c r="F46" s="2">
        <v>1</v>
      </c>
      <c r="G46" s="2">
        <v>1</v>
      </c>
      <c r="H46" s="2">
        <v>1</v>
      </c>
      <c r="I46" s="1" t="s">
        <v>25</v>
      </c>
    </row>
    <row r="47" spans="1:9" ht="28.9" customHeight="1" x14ac:dyDescent="0.15">
      <c r="A47" s="5">
        <f t="shared" si="0"/>
        <v>46</v>
      </c>
      <c r="B47" s="5">
        <v>1</v>
      </c>
      <c r="C47" s="9">
        <v>44396</v>
      </c>
      <c r="D47" s="5" t="s">
        <v>98</v>
      </c>
      <c r="E47" s="5" t="s">
        <v>100</v>
      </c>
      <c r="F47" s="2">
        <v>1</v>
      </c>
      <c r="G47" s="2">
        <v>1</v>
      </c>
      <c r="H47" s="2">
        <v>1</v>
      </c>
      <c r="I47" s="3" t="s">
        <v>25</v>
      </c>
    </row>
    <row r="48" spans="1:9" ht="28.9" customHeight="1" x14ac:dyDescent="0.15">
      <c r="A48" s="5">
        <f t="shared" si="0"/>
        <v>47</v>
      </c>
      <c r="B48" s="5">
        <v>4</v>
      </c>
      <c r="C48" s="9">
        <v>44413</v>
      </c>
      <c r="D48" s="5" t="s">
        <v>102</v>
      </c>
      <c r="E48" s="5" t="s">
        <v>152</v>
      </c>
      <c r="F48" s="2">
        <v>1</v>
      </c>
      <c r="G48" s="2">
        <v>1</v>
      </c>
      <c r="H48" s="2">
        <v>1</v>
      </c>
      <c r="I48" s="1" t="s">
        <v>25</v>
      </c>
    </row>
    <row r="49" spans="1:9" ht="28.9" customHeight="1" x14ac:dyDescent="0.15">
      <c r="A49" s="5">
        <f t="shared" si="0"/>
        <v>48</v>
      </c>
      <c r="B49" s="5">
        <v>4</v>
      </c>
      <c r="C49" s="9">
        <v>44413</v>
      </c>
      <c r="D49" s="5" t="s">
        <v>103</v>
      </c>
      <c r="E49" s="5" t="s">
        <v>152</v>
      </c>
      <c r="F49" s="2">
        <v>1</v>
      </c>
      <c r="G49" s="2">
        <v>1</v>
      </c>
      <c r="H49" s="2">
        <v>1</v>
      </c>
      <c r="I49" s="1" t="s">
        <v>25</v>
      </c>
    </row>
    <row r="50" spans="1:9" ht="28.9" customHeight="1" x14ac:dyDescent="0.15">
      <c r="A50" s="5">
        <f t="shared" si="0"/>
        <v>49</v>
      </c>
      <c r="B50" s="5">
        <v>1</v>
      </c>
      <c r="C50" s="6">
        <v>44418</v>
      </c>
      <c r="D50" s="5" t="s">
        <v>99</v>
      </c>
      <c r="E50" s="5" t="s">
        <v>101</v>
      </c>
      <c r="F50" s="2">
        <v>1</v>
      </c>
      <c r="G50" s="2">
        <v>1</v>
      </c>
      <c r="H50" s="2">
        <v>1</v>
      </c>
      <c r="I50" s="1" t="s">
        <v>25</v>
      </c>
    </row>
    <row r="51" spans="1:9" ht="28.9" customHeight="1" x14ac:dyDescent="0.15">
      <c r="A51" s="5">
        <f t="shared" si="0"/>
        <v>50</v>
      </c>
      <c r="B51" s="5">
        <v>1</v>
      </c>
      <c r="C51" s="7">
        <v>44624</v>
      </c>
      <c r="D51" s="5" t="s">
        <v>116</v>
      </c>
      <c r="E51" s="5" t="s">
        <v>153</v>
      </c>
      <c r="F51" s="2">
        <v>1</v>
      </c>
      <c r="G51" s="2">
        <v>1</v>
      </c>
      <c r="H51" s="2">
        <v>1</v>
      </c>
      <c r="I51" s="1" t="s">
        <v>25</v>
      </c>
    </row>
    <row r="52" spans="1:9" ht="28.9" customHeight="1" x14ac:dyDescent="0.15">
      <c r="A52" s="5">
        <f t="shared" si="0"/>
        <v>51</v>
      </c>
      <c r="B52" s="5">
        <v>8</v>
      </c>
      <c r="C52" s="7">
        <v>44642</v>
      </c>
      <c r="D52" s="5" t="s">
        <v>117</v>
      </c>
      <c r="E52" s="5" t="s">
        <v>118</v>
      </c>
      <c r="F52" s="2">
        <v>1</v>
      </c>
      <c r="G52" s="2">
        <v>1</v>
      </c>
      <c r="H52" s="2">
        <v>1</v>
      </c>
      <c r="I52" s="1" t="s">
        <v>25</v>
      </c>
    </row>
    <row r="53" spans="1:9" ht="28.9" customHeight="1" x14ac:dyDescent="0.15">
      <c r="A53" s="5">
        <f t="shared" si="0"/>
        <v>52</v>
      </c>
      <c r="B53" s="2">
        <v>1</v>
      </c>
      <c r="C53" s="7">
        <v>44670</v>
      </c>
      <c r="D53" s="2" t="s">
        <v>106</v>
      </c>
      <c r="E53" s="2" t="s">
        <v>149</v>
      </c>
      <c r="F53" s="2">
        <v>1</v>
      </c>
      <c r="G53" s="2">
        <v>1</v>
      </c>
      <c r="H53" s="2">
        <v>1</v>
      </c>
      <c r="I53" s="1" t="s">
        <v>25</v>
      </c>
    </row>
    <row r="54" spans="1:9" ht="28.9" customHeight="1" x14ac:dyDescent="0.15">
      <c r="A54" s="5">
        <f t="shared" si="0"/>
        <v>53</v>
      </c>
      <c r="B54" s="2">
        <v>2</v>
      </c>
      <c r="C54" s="7">
        <v>44670</v>
      </c>
      <c r="D54" s="2" t="s">
        <v>107</v>
      </c>
      <c r="E54" s="2" t="s">
        <v>112</v>
      </c>
      <c r="F54" s="2">
        <v>1</v>
      </c>
      <c r="G54" s="2">
        <v>1</v>
      </c>
      <c r="H54" s="2">
        <v>1</v>
      </c>
      <c r="I54" s="1" t="s">
        <v>25</v>
      </c>
    </row>
    <row r="55" spans="1:9" ht="28.9" customHeight="1" x14ac:dyDescent="0.15">
      <c r="A55" s="5">
        <f t="shared" si="0"/>
        <v>54</v>
      </c>
      <c r="B55" s="5">
        <v>2</v>
      </c>
      <c r="C55" s="7">
        <v>44670</v>
      </c>
      <c r="D55" s="5" t="s">
        <v>108</v>
      </c>
      <c r="E55" s="5" t="s">
        <v>148</v>
      </c>
      <c r="F55" s="2">
        <v>1</v>
      </c>
      <c r="G55" s="2">
        <v>1</v>
      </c>
      <c r="H55" s="2">
        <v>3</v>
      </c>
      <c r="I55" s="3" t="s">
        <v>25</v>
      </c>
    </row>
    <row r="56" spans="1:9" ht="28.9" customHeight="1" x14ac:dyDescent="0.15">
      <c r="A56" s="5">
        <f t="shared" si="0"/>
        <v>55</v>
      </c>
      <c r="B56" s="5">
        <v>2</v>
      </c>
      <c r="C56" s="7">
        <v>44670</v>
      </c>
      <c r="D56" s="5" t="s">
        <v>109</v>
      </c>
      <c r="E56" s="5" t="s">
        <v>147</v>
      </c>
      <c r="F56" s="2">
        <v>1</v>
      </c>
      <c r="G56" s="2">
        <v>1</v>
      </c>
      <c r="H56" s="2">
        <v>1</v>
      </c>
      <c r="I56" s="1" t="s">
        <v>25</v>
      </c>
    </row>
    <row r="57" spans="1:9" ht="28.9" customHeight="1" x14ac:dyDescent="0.15">
      <c r="A57" s="5">
        <f t="shared" si="0"/>
        <v>56</v>
      </c>
      <c r="B57" s="5">
        <v>2</v>
      </c>
      <c r="C57" s="7">
        <v>44670</v>
      </c>
      <c r="D57" s="5" t="s">
        <v>110</v>
      </c>
      <c r="E57" s="5" t="s">
        <v>113</v>
      </c>
      <c r="F57" s="2">
        <v>1</v>
      </c>
      <c r="G57" s="2">
        <v>1</v>
      </c>
      <c r="H57" s="2">
        <v>1</v>
      </c>
      <c r="I57" s="1" t="s">
        <v>25</v>
      </c>
    </row>
    <row r="58" spans="1:9" ht="28.9" customHeight="1" x14ac:dyDescent="0.15">
      <c r="A58" s="5">
        <f t="shared" si="0"/>
        <v>57</v>
      </c>
      <c r="B58" s="5">
        <v>1</v>
      </c>
      <c r="C58" s="7">
        <v>44670</v>
      </c>
      <c r="D58" s="5" t="s">
        <v>111</v>
      </c>
      <c r="E58" s="5" t="s">
        <v>114</v>
      </c>
      <c r="F58" s="2">
        <v>1</v>
      </c>
      <c r="G58" s="2">
        <v>1</v>
      </c>
      <c r="H58" s="2">
        <v>1</v>
      </c>
      <c r="I58" s="1" t="s">
        <v>25</v>
      </c>
    </row>
    <row r="59" spans="1:9" ht="28.9" customHeight="1" x14ac:dyDescent="0.15">
      <c r="A59" s="5">
        <f t="shared" si="0"/>
        <v>58</v>
      </c>
      <c r="B59" s="5">
        <v>4</v>
      </c>
      <c r="C59" s="7">
        <v>44670</v>
      </c>
      <c r="D59" s="5" t="s">
        <v>115</v>
      </c>
      <c r="E59" s="5" t="s">
        <v>119</v>
      </c>
      <c r="F59" s="2">
        <v>1</v>
      </c>
      <c r="G59" s="2">
        <v>1</v>
      </c>
      <c r="H59" s="2">
        <v>1</v>
      </c>
      <c r="I59" s="1" t="s">
        <v>25</v>
      </c>
    </row>
    <row r="60" spans="1:9" ht="28.9" customHeight="1" x14ac:dyDescent="0.15">
      <c r="A60" s="5">
        <f t="shared" si="0"/>
        <v>59</v>
      </c>
      <c r="B60" s="5">
        <v>18</v>
      </c>
      <c r="C60" s="7">
        <v>44810</v>
      </c>
      <c r="D60" s="5" t="s">
        <v>120</v>
      </c>
      <c r="E60" s="5" t="s">
        <v>122</v>
      </c>
      <c r="F60" s="2">
        <v>1</v>
      </c>
      <c r="G60" s="2">
        <v>1</v>
      </c>
      <c r="H60" s="2">
        <v>1</v>
      </c>
      <c r="I60" s="1" t="s">
        <v>25</v>
      </c>
    </row>
    <row r="61" spans="1:9" ht="28.9" customHeight="1" x14ac:dyDescent="0.15">
      <c r="A61" s="5">
        <f t="shared" si="0"/>
        <v>60</v>
      </c>
      <c r="B61" s="5">
        <v>5</v>
      </c>
      <c r="C61" s="7">
        <v>44810</v>
      </c>
      <c r="D61" s="5" t="s">
        <v>121</v>
      </c>
      <c r="E61" s="5" t="s">
        <v>123</v>
      </c>
      <c r="F61" s="2">
        <v>1</v>
      </c>
      <c r="G61" s="2">
        <v>1</v>
      </c>
      <c r="H61" s="2">
        <v>1</v>
      </c>
      <c r="I61" s="1" t="s">
        <v>25</v>
      </c>
    </row>
    <row r="62" spans="1:9" ht="28.9" customHeight="1" x14ac:dyDescent="0.15">
      <c r="A62" s="5">
        <f t="shared" si="0"/>
        <v>61</v>
      </c>
      <c r="B62" s="5">
        <v>1</v>
      </c>
      <c r="C62" s="7">
        <v>44957</v>
      </c>
      <c r="D62" s="5" t="s">
        <v>125</v>
      </c>
      <c r="E62" s="5" t="s">
        <v>126</v>
      </c>
      <c r="F62" s="2">
        <v>1</v>
      </c>
      <c r="G62" s="2">
        <v>1</v>
      </c>
      <c r="H62" s="2">
        <v>1</v>
      </c>
      <c r="I62" s="1" t="s">
        <v>25</v>
      </c>
    </row>
    <row r="63" spans="1:9" ht="28.9" customHeight="1" x14ac:dyDescent="0.15">
      <c r="A63" s="5">
        <f t="shared" si="0"/>
        <v>62</v>
      </c>
      <c r="B63" s="5">
        <v>8</v>
      </c>
      <c r="C63" s="7">
        <v>45001</v>
      </c>
      <c r="D63" s="5" t="s">
        <v>127</v>
      </c>
      <c r="E63" s="5" t="s">
        <v>128</v>
      </c>
      <c r="F63" s="2">
        <v>1</v>
      </c>
      <c r="G63" s="2">
        <v>1</v>
      </c>
      <c r="H63" s="2">
        <v>1</v>
      </c>
      <c r="I63" s="1" t="s">
        <v>25</v>
      </c>
    </row>
    <row r="64" spans="1:9" ht="28.9" customHeight="1" x14ac:dyDescent="0.15">
      <c r="A64" s="5">
        <f t="shared" si="0"/>
        <v>63</v>
      </c>
      <c r="B64" s="5">
        <v>9</v>
      </c>
      <c r="C64" s="7">
        <v>45023</v>
      </c>
      <c r="D64" s="5" t="s">
        <v>124</v>
      </c>
      <c r="E64" s="5" t="s">
        <v>146</v>
      </c>
      <c r="F64" s="2">
        <v>1</v>
      </c>
      <c r="G64" s="2">
        <v>1</v>
      </c>
      <c r="H64" s="2">
        <v>1</v>
      </c>
      <c r="I64" s="1" t="s">
        <v>25</v>
      </c>
    </row>
    <row r="65" spans="1:9" ht="28.9" customHeight="1" x14ac:dyDescent="0.15">
      <c r="A65" s="5">
        <f t="shared" si="0"/>
        <v>64</v>
      </c>
      <c r="B65" s="5">
        <v>3</v>
      </c>
      <c r="C65" s="7">
        <v>45029</v>
      </c>
      <c r="D65" s="5" t="s">
        <v>129</v>
      </c>
      <c r="E65" s="5" t="s">
        <v>133</v>
      </c>
      <c r="F65" s="2">
        <v>1</v>
      </c>
      <c r="G65" s="2">
        <v>1</v>
      </c>
      <c r="H65" s="2">
        <v>1</v>
      </c>
      <c r="I65" s="1" t="s">
        <v>25</v>
      </c>
    </row>
    <row r="66" spans="1:9" ht="28.9" customHeight="1" x14ac:dyDescent="0.15">
      <c r="A66" s="5">
        <f t="shared" si="0"/>
        <v>65</v>
      </c>
      <c r="B66" s="5">
        <v>2</v>
      </c>
      <c r="C66" s="7">
        <v>45029</v>
      </c>
      <c r="D66" s="5" t="s">
        <v>130</v>
      </c>
      <c r="E66" s="5" t="s">
        <v>134</v>
      </c>
      <c r="F66" s="2">
        <v>1</v>
      </c>
      <c r="G66" s="2">
        <v>1</v>
      </c>
      <c r="H66" s="2">
        <v>1</v>
      </c>
      <c r="I66" s="1" t="s">
        <v>25</v>
      </c>
    </row>
    <row r="67" spans="1:9" ht="28.9" customHeight="1" x14ac:dyDescent="0.15">
      <c r="A67" s="5">
        <f t="shared" si="0"/>
        <v>66</v>
      </c>
      <c r="B67" s="5">
        <v>2</v>
      </c>
      <c r="C67" s="7">
        <v>45029</v>
      </c>
      <c r="D67" s="5" t="s">
        <v>131</v>
      </c>
      <c r="E67" s="5" t="s">
        <v>135</v>
      </c>
      <c r="F67" s="2">
        <v>1</v>
      </c>
      <c r="G67" s="2">
        <v>1</v>
      </c>
      <c r="H67" s="2">
        <v>1</v>
      </c>
      <c r="I67" s="1" t="s">
        <v>25</v>
      </c>
    </row>
    <row r="68" spans="1:9" ht="28.9" customHeight="1" x14ac:dyDescent="0.15">
      <c r="A68" s="5">
        <f t="shared" si="0"/>
        <v>67</v>
      </c>
      <c r="B68" s="5">
        <v>8</v>
      </c>
      <c r="C68" s="7">
        <v>45029</v>
      </c>
      <c r="D68" s="5" t="s">
        <v>132</v>
      </c>
      <c r="E68" s="5" t="s">
        <v>136</v>
      </c>
      <c r="F68" s="2">
        <v>1</v>
      </c>
      <c r="G68" s="2">
        <v>1</v>
      </c>
      <c r="H68" s="2">
        <v>1</v>
      </c>
      <c r="I68" s="1" t="s">
        <v>25</v>
      </c>
    </row>
    <row r="69" spans="1:9" ht="28.9" customHeight="1" x14ac:dyDescent="0.15">
      <c r="A69" s="5">
        <v>68</v>
      </c>
      <c r="B69" s="2">
        <v>18</v>
      </c>
      <c r="C69" s="9">
        <v>45016</v>
      </c>
      <c r="D69" s="2" t="s">
        <v>137</v>
      </c>
      <c r="E69" s="2" t="s">
        <v>138</v>
      </c>
      <c r="F69" s="2">
        <v>1</v>
      </c>
      <c r="G69" s="2">
        <v>1</v>
      </c>
      <c r="H69" s="2">
        <v>1</v>
      </c>
      <c r="I69" s="1" t="s">
        <v>25</v>
      </c>
    </row>
    <row r="70" spans="1:9" ht="28.9" customHeight="1" x14ac:dyDescent="0.15">
      <c r="A70" s="5">
        <v>69</v>
      </c>
      <c r="B70" s="2">
        <v>5</v>
      </c>
      <c r="C70" s="9">
        <v>45135</v>
      </c>
      <c r="D70" s="2" t="s">
        <v>139</v>
      </c>
      <c r="E70" s="2" t="s">
        <v>140</v>
      </c>
      <c r="F70" s="2">
        <v>9</v>
      </c>
      <c r="G70" s="2">
        <v>9</v>
      </c>
      <c r="H70" s="2">
        <v>1</v>
      </c>
      <c r="I70" s="1" t="s">
        <v>25</v>
      </c>
    </row>
    <row r="71" spans="1:9" ht="28.5" x14ac:dyDescent="0.15">
      <c r="A71" s="5">
        <v>70</v>
      </c>
      <c r="B71" s="2">
        <v>8</v>
      </c>
      <c r="C71" s="9">
        <v>45134</v>
      </c>
      <c r="D71" s="2" t="s">
        <v>141</v>
      </c>
      <c r="E71" s="2" t="s">
        <v>145</v>
      </c>
      <c r="F71" s="2">
        <v>9</v>
      </c>
      <c r="G71" s="2">
        <v>9</v>
      </c>
      <c r="H71" s="2">
        <v>1</v>
      </c>
      <c r="I71" s="1" t="s">
        <v>25</v>
      </c>
    </row>
    <row r="72" spans="1:9" ht="28.5" x14ac:dyDescent="0.15">
      <c r="A72" s="5">
        <v>71</v>
      </c>
      <c r="B72" s="2">
        <v>5</v>
      </c>
      <c r="C72" s="9">
        <v>45230</v>
      </c>
      <c r="D72" s="2" t="s">
        <v>142</v>
      </c>
      <c r="E72" s="2" t="s">
        <v>144</v>
      </c>
      <c r="F72" s="2">
        <v>9</v>
      </c>
      <c r="G72" s="2">
        <v>9</v>
      </c>
      <c r="H72" s="2">
        <v>1</v>
      </c>
      <c r="I72" s="1" t="s">
        <v>25</v>
      </c>
    </row>
    <row r="73" spans="1:9" ht="28.5" x14ac:dyDescent="0.15">
      <c r="A73" s="5">
        <v>72</v>
      </c>
      <c r="B73" s="2">
        <v>5</v>
      </c>
      <c r="C73" s="9">
        <v>45230</v>
      </c>
      <c r="D73" s="2" t="s">
        <v>143</v>
      </c>
      <c r="E73" s="2" t="s">
        <v>144</v>
      </c>
      <c r="F73" s="2">
        <v>9</v>
      </c>
      <c r="G73" s="2">
        <v>9</v>
      </c>
      <c r="H73" s="2">
        <v>1</v>
      </c>
      <c r="I73" s="1" t="s">
        <v>25</v>
      </c>
    </row>
    <row r="74" spans="1:9" ht="28.5" x14ac:dyDescent="0.15">
      <c r="A74" s="5">
        <v>73</v>
      </c>
      <c r="B74" s="2">
        <v>4</v>
      </c>
      <c r="C74" s="9">
        <v>45244</v>
      </c>
      <c r="D74" s="2" t="s">
        <v>154</v>
      </c>
      <c r="E74" s="2" t="s">
        <v>155</v>
      </c>
      <c r="F74" s="2">
        <v>1</v>
      </c>
      <c r="G74" s="2">
        <v>1</v>
      </c>
      <c r="H74" s="2">
        <v>1</v>
      </c>
      <c r="I74" s="1" t="s">
        <v>25</v>
      </c>
    </row>
    <row r="75" spans="1:9" ht="28.5" x14ac:dyDescent="0.15">
      <c r="A75" s="5">
        <v>74</v>
      </c>
      <c r="B75" s="2">
        <v>13</v>
      </c>
      <c r="C75" s="9">
        <v>45245</v>
      </c>
      <c r="D75" s="2" t="s">
        <v>156</v>
      </c>
      <c r="E75" s="2" t="s">
        <v>157</v>
      </c>
      <c r="F75" s="2">
        <v>1</v>
      </c>
      <c r="G75" s="2">
        <v>1</v>
      </c>
      <c r="H75" s="2">
        <v>1</v>
      </c>
      <c r="I75" s="1" t="s">
        <v>25</v>
      </c>
    </row>
    <row r="76" spans="1:9" s="11" customFormat="1" ht="28.5" x14ac:dyDescent="0.15">
      <c r="A76" s="2">
        <v>75</v>
      </c>
      <c r="B76" s="2">
        <v>5</v>
      </c>
      <c r="C76" s="6">
        <v>46112</v>
      </c>
      <c r="D76" s="2" t="s">
        <v>158</v>
      </c>
      <c r="E76" s="2" t="s">
        <v>172</v>
      </c>
      <c r="F76" s="2">
        <v>1</v>
      </c>
      <c r="G76" s="2">
        <v>1</v>
      </c>
      <c r="H76" s="2">
        <v>3</v>
      </c>
      <c r="I76" s="3" t="s">
        <v>25</v>
      </c>
    </row>
    <row r="77" spans="1:9" s="11" customFormat="1" ht="28.5" x14ac:dyDescent="0.15">
      <c r="A77" s="2">
        <v>76</v>
      </c>
      <c r="B77" s="2">
        <v>5</v>
      </c>
      <c r="C77" s="6">
        <v>46112</v>
      </c>
      <c r="D77" s="2" t="s">
        <v>159</v>
      </c>
      <c r="E77" s="2" t="s">
        <v>173</v>
      </c>
      <c r="F77" s="2">
        <v>1</v>
      </c>
      <c r="G77" s="2">
        <v>1</v>
      </c>
      <c r="H77" s="2">
        <v>1</v>
      </c>
      <c r="I77" s="3" t="s">
        <v>25</v>
      </c>
    </row>
    <row r="78" spans="1:9" s="11" customFormat="1" ht="28.5" x14ac:dyDescent="0.15">
      <c r="A78" s="2">
        <v>77</v>
      </c>
      <c r="B78" s="2">
        <v>5</v>
      </c>
      <c r="C78" s="6">
        <v>46112</v>
      </c>
      <c r="D78" s="2" t="s">
        <v>160</v>
      </c>
      <c r="E78" s="2" t="s">
        <v>174</v>
      </c>
      <c r="F78" s="2">
        <v>1</v>
      </c>
      <c r="G78" s="2">
        <v>1</v>
      </c>
      <c r="H78" s="2">
        <v>3</v>
      </c>
      <c r="I78" s="3" t="s">
        <v>25</v>
      </c>
    </row>
    <row r="79" spans="1:9" s="11" customFormat="1" ht="42.75" x14ac:dyDescent="0.15">
      <c r="A79" s="2">
        <v>78</v>
      </c>
      <c r="B79" s="2">
        <v>18</v>
      </c>
      <c r="C79" s="6">
        <v>45629</v>
      </c>
      <c r="D79" s="3" t="s">
        <v>161</v>
      </c>
      <c r="E79" s="2" t="s">
        <v>175</v>
      </c>
      <c r="F79" s="2">
        <v>9</v>
      </c>
      <c r="G79" s="2">
        <v>1</v>
      </c>
      <c r="H79" s="2">
        <v>1</v>
      </c>
      <c r="I79" s="3" t="s">
        <v>25</v>
      </c>
    </row>
    <row r="80" spans="1:9" s="11" customFormat="1" ht="28.5" x14ac:dyDescent="0.15">
      <c r="A80" s="2">
        <v>79</v>
      </c>
      <c r="B80" s="2">
        <v>2</v>
      </c>
      <c r="C80" s="6">
        <v>45632</v>
      </c>
      <c r="D80" s="2" t="s">
        <v>162</v>
      </c>
      <c r="E80" s="2" t="s">
        <v>176</v>
      </c>
      <c r="F80" s="2">
        <v>9</v>
      </c>
      <c r="G80" s="2">
        <v>1</v>
      </c>
      <c r="H80" s="2">
        <v>1</v>
      </c>
      <c r="I80" s="3" t="s">
        <v>25</v>
      </c>
    </row>
    <row r="81" spans="1:9" s="11" customFormat="1" ht="28.5" x14ac:dyDescent="0.15">
      <c r="A81" s="2">
        <v>80</v>
      </c>
      <c r="B81" s="2">
        <v>4</v>
      </c>
      <c r="C81" s="6">
        <v>45638</v>
      </c>
      <c r="D81" s="2" t="s">
        <v>163</v>
      </c>
      <c r="E81" s="2" t="s">
        <v>177</v>
      </c>
      <c r="F81" s="2">
        <v>9</v>
      </c>
      <c r="G81" s="2">
        <v>1</v>
      </c>
      <c r="H81" s="2">
        <v>1</v>
      </c>
      <c r="I81" s="3" t="s">
        <v>25</v>
      </c>
    </row>
    <row r="82" spans="1:9" s="11" customFormat="1" ht="28.5" x14ac:dyDescent="0.15">
      <c r="A82" s="2">
        <v>81</v>
      </c>
      <c r="B82" s="2">
        <v>2</v>
      </c>
      <c r="C82" s="6">
        <v>45720</v>
      </c>
      <c r="D82" s="2" t="s">
        <v>169</v>
      </c>
      <c r="E82" s="2" t="s">
        <v>178</v>
      </c>
      <c r="F82" s="2">
        <v>9</v>
      </c>
      <c r="G82" s="2">
        <v>1</v>
      </c>
      <c r="H82" s="2">
        <v>1</v>
      </c>
      <c r="I82" s="3" t="s">
        <v>25</v>
      </c>
    </row>
    <row r="83" spans="1:9" s="11" customFormat="1" ht="28.5" x14ac:dyDescent="0.15">
      <c r="A83" s="2">
        <v>82</v>
      </c>
      <c r="B83" s="2">
        <v>2</v>
      </c>
      <c r="C83" s="6">
        <v>45742</v>
      </c>
      <c r="D83" s="2" t="s">
        <v>164</v>
      </c>
      <c r="E83" s="2" t="s">
        <v>179</v>
      </c>
      <c r="F83" s="2">
        <v>9</v>
      </c>
      <c r="G83" s="2">
        <v>1</v>
      </c>
      <c r="H83" s="2">
        <v>1</v>
      </c>
      <c r="I83" s="3" t="s">
        <v>25</v>
      </c>
    </row>
    <row r="84" spans="1:9" s="11" customFormat="1" ht="28.5" x14ac:dyDescent="0.15">
      <c r="A84" s="2">
        <v>83</v>
      </c>
      <c r="B84" s="2">
        <v>4</v>
      </c>
      <c r="C84" s="6">
        <v>45890</v>
      </c>
      <c r="D84" s="2" t="s">
        <v>165</v>
      </c>
      <c r="E84" s="2" t="s">
        <v>180</v>
      </c>
      <c r="F84" s="2">
        <v>9</v>
      </c>
      <c r="G84" s="2">
        <v>1</v>
      </c>
      <c r="H84" s="2">
        <v>1</v>
      </c>
      <c r="I84" s="3" t="s">
        <v>25</v>
      </c>
    </row>
    <row r="85" spans="1:9" s="11" customFormat="1" ht="28.5" x14ac:dyDescent="0.15">
      <c r="A85" s="2">
        <v>84</v>
      </c>
      <c r="B85" s="2">
        <v>1</v>
      </c>
      <c r="C85" s="6">
        <v>46112</v>
      </c>
      <c r="D85" s="2" t="s">
        <v>166</v>
      </c>
      <c r="E85" s="2" t="s">
        <v>181</v>
      </c>
      <c r="F85" s="2">
        <v>9</v>
      </c>
      <c r="G85" s="2">
        <v>1</v>
      </c>
      <c r="H85" s="2">
        <v>1</v>
      </c>
      <c r="I85" s="3" t="s">
        <v>25</v>
      </c>
    </row>
    <row r="86" spans="1:9" s="11" customFormat="1" ht="28.5" x14ac:dyDescent="0.15">
      <c r="A86" s="2">
        <v>85</v>
      </c>
      <c r="B86" s="2">
        <v>2</v>
      </c>
      <c r="C86" s="6">
        <v>45968</v>
      </c>
      <c r="D86" s="2" t="s">
        <v>167</v>
      </c>
      <c r="E86" s="2" t="s">
        <v>182</v>
      </c>
      <c r="F86" s="2">
        <v>9</v>
      </c>
      <c r="G86" s="2">
        <v>1</v>
      </c>
      <c r="H86" s="2">
        <v>1</v>
      </c>
      <c r="I86" s="3" t="s">
        <v>25</v>
      </c>
    </row>
    <row r="87" spans="1:9" s="11" customFormat="1" ht="28.5" x14ac:dyDescent="0.15">
      <c r="A87" s="2">
        <v>86</v>
      </c>
      <c r="B87" s="2">
        <v>1</v>
      </c>
      <c r="C87" s="6">
        <v>45974</v>
      </c>
      <c r="D87" s="2" t="s">
        <v>192</v>
      </c>
      <c r="E87" s="2" t="s">
        <v>183</v>
      </c>
      <c r="F87" s="2">
        <v>9</v>
      </c>
      <c r="G87" s="2">
        <v>1</v>
      </c>
      <c r="H87" s="2">
        <v>1</v>
      </c>
      <c r="I87" s="3" t="s">
        <v>25</v>
      </c>
    </row>
    <row r="88" spans="1:9" s="11" customFormat="1" ht="28.5" x14ac:dyDescent="0.15">
      <c r="A88" s="2">
        <v>87</v>
      </c>
      <c r="B88" s="2">
        <v>4</v>
      </c>
      <c r="C88" s="6">
        <v>45980</v>
      </c>
      <c r="D88" s="2" t="s">
        <v>193</v>
      </c>
      <c r="E88" s="2" t="s">
        <v>184</v>
      </c>
      <c r="F88" s="2">
        <v>9</v>
      </c>
      <c r="G88" s="2">
        <v>1</v>
      </c>
      <c r="H88" s="2">
        <v>1</v>
      </c>
      <c r="I88" s="3" t="s">
        <v>25</v>
      </c>
    </row>
    <row r="89" spans="1:9" s="11" customFormat="1" ht="28.5" x14ac:dyDescent="0.15">
      <c r="A89" s="2">
        <v>88</v>
      </c>
      <c r="B89" s="2">
        <v>5</v>
      </c>
      <c r="C89" s="6">
        <v>46031</v>
      </c>
      <c r="D89" s="2" t="s">
        <v>168</v>
      </c>
      <c r="E89" s="2" t="s">
        <v>185</v>
      </c>
      <c r="F89" s="2">
        <v>9</v>
      </c>
      <c r="G89" s="2">
        <v>1</v>
      </c>
      <c r="H89" s="2">
        <v>1</v>
      </c>
      <c r="I89" s="3" t="s">
        <v>25</v>
      </c>
    </row>
    <row r="90" spans="1:9" s="11" customFormat="1" ht="28.5" x14ac:dyDescent="0.15">
      <c r="A90" s="2">
        <v>89</v>
      </c>
      <c r="B90" s="2">
        <v>2</v>
      </c>
      <c r="C90" s="6">
        <v>46112</v>
      </c>
      <c r="D90" s="2" t="s">
        <v>170</v>
      </c>
      <c r="E90" s="2" t="s">
        <v>186</v>
      </c>
      <c r="F90" s="2">
        <v>9</v>
      </c>
      <c r="G90" s="2">
        <v>1</v>
      </c>
      <c r="H90" s="2">
        <v>1</v>
      </c>
      <c r="I90" s="3" t="s">
        <v>25</v>
      </c>
    </row>
    <row r="91" spans="1:9" s="11" customFormat="1" ht="28.5" x14ac:dyDescent="0.15">
      <c r="A91" s="2">
        <v>90</v>
      </c>
      <c r="B91" s="2">
        <v>4</v>
      </c>
      <c r="C91" s="6">
        <v>45180</v>
      </c>
      <c r="D91" s="2" t="s">
        <v>171</v>
      </c>
      <c r="E91" s="2" t="s">
        <v>187</v>
      </c>
      <c r="F91" s="2">
        <v>9</v>
      </c>
      <c r="G91" s="2">
        <v>1</v>
      </c>
      <c r="H91" s="2">
        <v>1</v>
      </c>
      <c r="I91" s="3" t="s">
        <v>25</v>
      </c>
    </row>
    <row r="92" spans="1:9" s="11" customFormat="1" ht="28.5" x14ac:dyDescent="0.15">
      <c r="A92" s="2">
        <v>91</v>
      </c>
      <c r="B92" s="2">
        <v>8</v>
      </c>
      <c r="C92" s="6">
        <v>46112</v>
      </c>
      <c r="D92" s="2" t="s">
        <v>188</v>
      </c>
      <c r="E92" s="2" t="s">
        <v>190</v>
      </c>
      <c r="F92" s="2">
        <v>9</v>
      </c>
      <c r="G92" s="2">
        <v>0</v>
      </c>
      <c r="H92" s="2">
        <v>1</v>
      </c>
      <c r="I92" s="3" t="s">
        <v>25</v>
      </c>
    </row>
    <row r="93" spans="1:9" s="11" customFormat="1" ht="28.5" x14ac:dyDescent="0.15">
      <c r="A93" s="2">
        <v>92</v>
      </c>
      <c r="B93" s="2">
        <v>8</v>
      </c>
      <c r="C93" s="6">
        <v>45691</v>
      </c>
      <c r="D93" s="2" t="s">
        <v>189</v>
      </c>
      <c r="E93" s="2" t="s">
        <v>191</v>
      </c>
      <c r="F93" s="2">
        <v>9</v>
      </c>
      <c r="G93" s="2">
        <v>0</v>
      </c>
      <c r="H93" s="2">
        <v>1</v>
      </c>
      <c r="I93" s="3" t="s">
        <v>25</v>
      </c>
    </row>
  </sheetData>
  <phoneticPr fontId="1"/>
  <pageMargins left="0.7" right="0.7" top="0.75" bottom="0.75" header="0.3" footer="0.3"/>
  <pageSetup paperSize="8" scale="64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3-31T01:12:59Z</cp:lastPrinted>
  <dcterms:created xsi:type="dcterms:W3CDTF">2021-02-18T12:31:59Z</dcterms:created>
  <dcterms:modified xsi:type="dcterms:W3CDTF">2026-03-31T01:59:23Z</dcterms:modified>
</cp:coreProperties>
</file>